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6\Lei de Responsabilida Fiscal\Arquivos para publicação\2º Bim 2016\"/>
    </mc:Choice>
  </mc:AlternateContent>
  <bookViews>
    <workbookView xWindow="-120" yWindow="-180" windowWidth="20610" windowHeight="7635" tabRatio="773"/>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1:$L$132</definedName>
    <definedName name="_xlnm.Print_Area" localSheetId="1">'Anexo 1.1 Balanço Orç Intra '!$A$1:$L$104</definedName>
    <definedName name="_xlnm.Print_Area" localSheetId="11">'Anexo 12 - Saúde (Estados)'!$A$1:$H$136</definedName>
    <definedName name="_xlnm.Print_Area" localSheetId="12">'Anexo 13 - Despesas PPP'!$A$1:$L$58</definedName>
    <definedName name="_xlnm.Print_Area" localSheetId="13">'Anexo 14 - Simplificado'!$A$1:$E$111</definedName>
    <definedName name="_xlnm.Print_Area" localSheetId="2">'Anexo 2 - Função'!$A$1:$L$204</definedName>
    <definedName name="_xlnm.Print_Area" localSheetId="3">'Anexo 2.1 - Função - Intra'!$A$1:$L$113</definedName>
    <definedName name="_xlnm.Print_Area" localSheetId="4">'Anexo 3 - RCL Estados'!$A$1:$H$84</definedName>
    <definedName name="_xlnm.Print_Area" localSheetId="5">'Anexo 4 - RPPS Financeiro FR 40'!$A$1:$I$135</definedName>
    <definedName name="_xlnm.Print_Area" localSheetId="6">'Anexo 4 - RPPS Previdenciário47'!$A$1:$I$135</definedName>
    <definedName name="_xlnm.Print_Area" localSheetId="7">'Anexo 5 - Resultado Nominal'!$A$1:$G$59</definedName>
    <definedName name="_xlnm.Print_Area" localSheetId="8">'Anexo 6 - Primário Estados'!$A$1:$H$87</definedName>
    <definedName name="_xlnm.Print_Area" localSheetId="9">'Anexo 7 - RP Poder e Órgão'!$A$1:$G$101</definedName>
    <definedName name="_xlnm.Print_Area" localSheetId="10">'Anexo 8 - MDE - Estados'!$A$1:$H$196</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7</definedName>
    <definedName name="Z_15F968AB_9DD6_4E60_9FDC_FEF44C5FFDCB_.wvu.PrintArea" localSheetId="12" hidden="1">'Anexo 13 - Despesas PPP'!$A$1:$L$48</definedName>
    <definedName name="Z_15F968AB_9DD6_4E60_9FDC_FEF44C5FFDCB_.wvu.PrintArea" localSheetId="13" hidden="1">'Anexo 14 - Simplificado'!$A$1:$E$97</definedName>
    <definedName name="Z_15F968AB_9DD6_4E60_9FDC_FEF44C5FFDCB_.wvu.PrintArea" localSheetId="2" hidden="1">'Anexo 2 - Função'!$A$1:$L$194</definedName>
    <definedName name="Z_15F968AB_9DD6_4E60_9FDC_FEF44C5FFDCB_.wvu.PrintArea" localSheetId="3" hidden="1">'Anexo 2.1 - Função - Intra'!$A$1:$L$103</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1:$L$132</definedName>
    <definedName name="Z_25EF1E0D_169B_4051_B414_7E1196FC05E4_.wvu.PrintArea" localSheetId="1" hidden="1">'Anexo 1.1 Balanço Orç Intra '!$A$1:$L$104</definedName>
    <definedName name="Z_25EF1E0D_169B_4051_B414_7E1196FC05E4_.wvu.PrintArea" localSheetId="11" hidden="1">'Anexo 12 - Saúde (Estados)'!$A$1:$H$136</definedName>
    <definedName name="Z_25EF1E0D_169B_4051_B414_7E1196FC05E4_.wvu.PrintArea" localSheetId="12" hidden="1">'Anexo 13 - Despesas PPP'!$A$1:$L$58</definedName>
    <definedName name="Z_25EF1E0D_169B_4051_B414_7E1196FC05E4_.wvu.PrintArea" localSheetId="13" hidden="1">'Anexo 14 - Simplificado'!$A$1:$E$111</definedName>
    <definedName name="Z_25EF1E0D_169B_4051_B414_7E1196FC05E4_.wvu.PrintArea" localSheetId="2" hidden="1">'Anexo 2 - Função'!$A$1:$L$204</definedName>
    <definedName name="Z_25EF1E0D_169B_4051_B414_7E1196FC05E4_.wvu.PrintArea" localSheetId="3" hidden="1">'Anexo 2.1 - Função - Intra'!$A$1:$L$113</definedName>
    <definedName name="Z_25EF1E0D_169B_4051_B414_7E1196FC05E4_.wvu.PrintArea" localSheetId="4" hidden="1">'Anexo 3 - RCL Estados'!$A$1:$H$84</definedName>
    <definedName name="Z_25EF1E0D_169B_4051_B414_7E1196FC05E4_.wvu.PrintArea" localSheetId="5" hidden="1">'Anexo 4 - RPPS Financeiro FR 40'!$A$1:$I$135</definedName>
    <definedName name="Z_25EF1E0D_169B_4051_B414_7E1196FC05E4_.wvu.PrintArea" localSheetId="6" hidden="1">'Anexo 4 - RPPS Previdenciário47'!$A$1:$I$135</definedName>
    <definedName name="Z_25EF1E0D_169B_4051_B414_7E1196FC05E4_.wvu.PrintArea" localSheetId="7" hidden="1">'Anexo 5 - Resultado Nominal'!$A$1:$G$59</definedName>
    <definedName name="Z_25EF1E0D_169B_4051_B414_7E1196FC05E4_.wvu.PrintArea" localSheetId="8" hidden="1">'Anexo 6 - Primário Estados'!$A$1:$H$87</definedName>
    <definedName name="Z_25EF1E0D_169B_4051_B414_7E1196FC05E4_.wvu.PrintArea" localSheetId="9" hidden="1">'Anexo 7 - RP Poder e Órgão'!$A$1:$G$101</definedName>
    <definedName name="Z_25EF1E0D_169B_4051_B414_7E1196FC05E4_.wvu.PrintArea" localSheetId="10" hidden="1">'Anexo 8 - MDE - Estados'!$A$1:$H$196</definedName>
    <definedName name="Z_3AAF6A5F_F9AA_430B_9AD9_1261ECDF41B5_.wvu.PrintArea" localSheetId="0" hidden="1">'Anexo 1 - Balanço Orçamentário'!$A$1:$L$132</definedName>
    <definedName name="Z_3AAF6A5F_F9AA_430B_9AD9_1261ECDF41B5_.wvu.PrintArea" localSheetId="1" hidden="1">'Anexo 1.1 Balanço Orç Intra '!$A$1:$L$104</definedName>
    <definedName name="Z_3AAF6A5F_F9AA_430B_9AD9_1261ECDF41B5_.wvu.PrintArea" localSheetId="11" hidden="1">'Anexo 12 - Saúde (Estados)'!$A$1:$H$136</definedName>
    <definedName name="Z_3AAF6A5F_F9AA_430B_9AD9_1261ECDF41B5_.wvu.PrintArea" localSheetId="12" hidden="1">'Anexo 13 - Despesas PPP'!$A$1:$L$58</definedName>
    <definedName name="Z_3AAF6A5F_F9AA_430B_9AD9_1261ECDF41B5_.wvu.PrintArea" localSheetId="13" hidden="1">'Anexo 14 - Simplificado'!$A$1:$E$111</definedName>
    <definedName name="Z_3AAF6A5F_F9AA_430B_9AD9_1261ECDF41B5_.wvu.PrintArea" localSheetId="2" hidden="1">'Anexo 2 - Função'!$A$1:$L$204</definedName>
    <definedName name="Z_3AAF6A5F_F9AA_430B_9AD9_1261ECDF41B5_.wvu.PrintArea" localSheetId="3" hidden="1">'Anexo 2.1 - Função - Intra'!$A$1:$L$113</definedName>
    <definedName name="Z_3AAF6A5F_F9AA_430B_9AD9_1261ECDF41B5_.wvu.PrintArea" localSheetId="4" hidden="1">'Anexo 3 - RCL Estados'!$A$1:$H$84</definedName>
    <definedName name="Z_3AAF6A5F_F9AA_430B_9AD9_1261ECDF41B5_.wvu.PrintArea" localSheetId="5" hidden="1">'Anexo 4 - RPPS Financeiro FR 40'!$A$1:$I$135</definedName>
    <definedName name="Z_3AAF6A5F_F9AA_430B_9AD9_1261ECDF41B5_.wvu.PrintArea" localSheetId="6" hidden="1">'Anexo 4 - RPPS Previdenciário47'!$A$1:$I$135</definedName>
    <definedName name="Z_3AAF6A5F_F9AA_430B_9AD9_1261ECDF41B5_.wvu.PrintArea" localSheetId="7" hidden="1">'Anexo 5 - Resultado Nominal'!$A$1:$G$59</definedName>
    <definedName name="Z_3AAF6A5F_F9AA_430B_9AD9_1261ECDF41B5_.wvu.PrintArea" localSheetId="8" hidden="1">'Anexo 6 - Primário Estados'!$A$1:$H$87</definedName>
    <definedName name="Z_3AAF6A5F_F9AA_430B_9AD9_1261ECDF41B5_.wvu.PrintArea" localSheetId="9" hidden="1">'Anexo 7 - RP Poder e Órgão'!$A$1:$G$101</definedName>
    <definedName name="Z_3AAF6A5F_F9AA_430B_9AD9_1261ECDF41B5_.wvu.PrintArea" localSheetId="10" hidden="1">'Anexo 8 - MDE - Estados'!$A$1:$H$196</definedName>
    <definedName name="Z_6DBFA32C_4AA4_4E1D_9A48_697377C64CC3_.wvu.PrintArea" localSheetId="0" hidden="1">'Anexo 1 - Balanço Orçamentário'!$A$1:$L$132</definedName>
    <definedName name="Z_6DBFA32C_4AA4_4E1D_9A48_697377C64CC3_.wvu.PrintArea" localSheetId="1" hidden="1">'Anexo 1.1 Balanço Orç Intra '!$A$1:$L$104</definedName>
    <definedName name="Z_6DBFA32C_4AA4_4E1D_9A48_697377C64CC3_.wvu.PrintArea" localSheetId="11" hidden="1">'Anexo 12 - Saúde (Estados)'!$A$1:$H$136</definedName>
    <definedName name="Z_6DBFA32C_4AA4_4E1D_9A48_697377C64CC3_.wvu.PrintArea" localSheetId="12" hidden="1">'Anexo 13 - Despesas PPP'!$A$1:$L$58</definedName>
    <definedName name="Z_6DBFA32C_4AA4_4E1D_9A48_697377C64CC3_.wvu.PrintArea" localSheetId="13" hidden="1">'Anexo 14 - Simplificado'!$A$1:$E$111</definedName>
    <definedName name="Z_6DBFA32C_4AA4_4E1D_9A48_697377C64CC3_.wvu.PrintArea" localSheetId="2" hidden="1">'Anexo 2 - Função'!$A$1:$L$204</definedName>
    <definedName name="Z_6DBFA32C_4AA4_4E1D_9A48_697377C64CC3_.wvu.PrintArea" localSheetId="3" hidden="1">'Anexo 2.1 - Função - Intra'!$A$1:$L$113</definedName>
    <definedName name="Z_6DBFA32C_4AA4_4E1D_9A48_697377C64CC3_.wvu.PrintArea" localSheetId="4" hidden="1">'Anexo 3 - RCL Estados'!$A$1:$H$84</definedName>
    <definedName name="Z_6DBFA32C_4AA4_4E1D_9A48_697377C64CC3_.wvu.PrintArea" localSheetId="5" hidden="1">'Anexo 4 - RPPS Financeiro FR 40'!$A$1:$I$135</definedName>
    <definedName name="Z_6DBFA32C_4AA4_4E1D_9A48_697377C64CC3_.wvu.PrintArea" localSheetId="6" hidden="1">'Anexo 4 - RPPS Previdenciário47'!$A$1:$I$135</definedName>
    <definedName name="Z_6DBFA32C_4AA4_4E1D_9A48_697377C64CC3_.wvu.PrintArea" localSheetId="7" hidden="1">'Anexo 5 - Resultado Nominal'!$A$1:$G$59</definedName>
    <definedName name="Z_6DBFA32C_4AA4_4E1D_9A48_697377C64CC3_.wvu.PrintArea" localSheetId="8" hidden="1">'Anexo 6 - Primário Estados'!$A$1:$H$87</definedName>
    <definedName name="Z_6DBFA32C_4AA4_4E1D_9A48_697377C64CC3_.wvu.PrintArea" localSheetId="9" hidden="1">'Anexo 7 - RP Poder e Órgão'!$A$1:$G$101</definedName>
    <definedName name="Z_6DBFA32C_4AA4_4E1D_9A48_697377C64CC3_.wvu.PrintArea" localSheetId="10" hidden="1">'Anexo 8 - MDE - Estados'!$A$1:$H$196</definedName>
    <definedName name="Z_82EDB5A4_4824_4632_A540_7A52C92F04C7_.wvu.PrintArea" localSheetId="0" hidden="1">'Anexo 1 - Balanço Orçamentário'!$A$2:$L$137</definedName>
    <definedName name="Z_82EDB5A4_4824_4632_A540_7A52C92F04C7_.wvu.PrintArea" localSheetId="11" hidden="1">'Anexo 12 - Saúde (Estados)'!$A$2:$H$134</definedName>
    <definedName name="Z_82EDB5A4_4824_4632_A540_7A52C92F04C7_.wvu.PrintArea" localSheetId="12" hidden="1">'Anexo 13 - Despesas PPP'!$A$1:$L$56</definedName>
    <definedName name="Z_82EDB5A4_4824_4632_A540_7A52C92F04C7_.wvu.PrintArea" localSheetId="13" hidden="1">'Anexo 14 - Simplificado'!$A$1:$E$111</definedName>
    <definedName name="Z_82EDB5A4_4824_4632_A540_7A52C92F04C7_.wvu.PrintArea" localSheetId="2" hidden="1">'Anexo 2 - Função'!$A$3:$L$205</definedName>
    <definedName name="Z_82EDB5A4_4824_4632_A540_7A52C92F04C7_.wvu.PrintArea" localSheetId="4" hidden="1">'Anexo 3 - RCL Estados'!$A$1:$H$84</definedName>
    <definedName name="Z_82EDB5A4_4824_4632_A540_7A52C92F04C7_.wvu.PrintArea" localSheetId="6" hidden="1">'Anexo 4 - RPPS Previdenciário47'!$A$1:$I$134</definedName>
    <definedName name="Z_82EDB5A4_4824_4632_A540_7A52C92F04C7_.wvu.PrintArea" localSheetId="7" hidden="1">'Anexo 5 - Resultado Nominal'!$A$1:$G$59</definedName>
    <definedName name="Z_82EDB5A4_4824_4632_A540_7A52C92F04C7_.wvu.PrintArea" localSheetId="8" hidden="1">'Anexo 6 - Primário Estados'!$A$1:$H$87</definedName>
    <definedName name="Z_82EDB5A4_4824_4632_A540_7A52C92F04C7_.wvu.PrintArea" localSheetId="9" hidden="1">'Anexo 7 - RP Poder e Órgão'!$A$1:$G$102</definedName>
    <definedName name="Z_82EDB5A4_4824_4632_A540_7A52C92F04C7_.wvu.PrintArea" localSheetId="10" hidden="1">'Anexo 8 - MDE - Estados'!$A$1:$H$197</definedName>
    <definedName name="Z_82EDB5A4_4824_4632_A540_7A52C92F04C7_.wvu.Rows" localSheetId="0" hidden="1">'Anexo 1 - Balanço Orçamentário'!$77:$82,'Anexo 1 - Balanço Orçamentário'!$111:$116</definedName>
    <definedName name="Z_B4FED47C_EE37_4843_A570_282D4F8229D4_.wvu.PrintArea" localSheetId="0" hidden="1">'Anexo 1 - Balanço Orçamentário'!$A$1:$L$132</definedName>
    <definedName name="Z_B4FED47C_EE37_4843_A570_282D4F8229D4_.wvu.PrintArea" localSheetId="1" hidden="1">'Anexo 1.1 Balanço Orç Intra '!$A$1:$L$104</definedName>
    <definedName name="Z_B4FED47C_EE37_4843_A570_282D4F8229D4_.wvu.PrintArea" localSheetId="11" hidden="1">'Anexo 12 - Saúde (Estados)'!$A$1:$H$136</definedName>
    <definedName name="Z_B4FED47C_EE37_4843_A570_282D4F8229D4_.wvu.PrintArea" localSheetId="12" hidden="1">'Anexo 13 - Despesas PPP'!$A$1:$L$58</definedName>
    <definedName name="Z_B4FED47C_EE37_4843_A570_282D4F8229D4_.wvu.PrintArea" localSheetId="13" hidden="1">'Anexo 14 - Simplificado'!$A$1:$E$111</definedName>
    <definedName name="Z_B4FED47C_EE37_4843_A570_282D4F8229D4_.wvu.PrintArea" localSheetId="2" hidden="1">'Anexo 2 - Função'!$A$1:$L$204</definedName>
    <definedName name="Z_B4FED47C_EE37_4843_A570_282D4F8229D4_.wvu.PrintArea" localSheetId="3" hidden="1">'Anexo 2.1 - Função - Intra'!$A$1:$L$113</definedName>
    <definedName name="Z_B4FED47C_EE37_4843_A570_282D4F8229D4_.wvu.PrintArea" localSheetId="4" hidden="1">'Anexo 3 - RCL Estados'!$A$1:$H$84</definedName>
    <definedName name="Z_B4FED47C_EE37_4843_A570_282D4F8229D4_.wvu.PrintArea" localSheetId="5" hidden="1">'Anexo 4 - RPPS Financeiro FR 40'!$A$1:$I$135</definedName>
    <definedName name="Z_B4FED47C_EE37_4843_A570_282D4F8229D4_.wvu.PrintArea" localSheetId="6" hidden="1">'Anexo 4 - RPPS Previdenciário47'!$A$1:$I$135</definedName>
    <definedName name="Z_B4FED47C_EE37_4843_A570_282D4F8229D4_.wvu.PrintArea" localSheetId="7" hidden="1">'Anexo 5 - Resultado Nominal'!$A$1:$G$59</definedName>
    <definedName name="Z_B4FED47C_EE37_4843_A570_282D4F8229D4_.wvu.PrintArea" localSheetId="8" hidden="1">'Anexo 6 - Primário Estados'!$A$1:$H$87</definedName>
    <definedName name="Z_B4FED47C_EE37_4843_A570_282D4F8229D4_.wvu.PrintArea" localSheetId="9" hidden="1">'Anexo 7 - RP Poder e Órgão'!$A$1:$G$101</definedName>
    <definedName name="Z_B4FED47C_EE37_4843_A570_282D4F8229D4_.wvu.PrintArea" localSheetId="10" hidden="1">'Anexo 8 - MDE - Estados'!$A$1:$H$196</definedName>
    <definedName name="Z_C779D862_DE28_46CD_A428_4AAA1056D1E1_.wvu.PrintArea" localSheetId="0" hidden="1">'Anexo 1 - Balanço Orçamentário'!$A$1:$L$132</definedName>
    <definedName name="Z_C779D862_DE28_46CD_A428_4AAA1056D1E1_.wvu.PrintArea" localSheetId="1" hidden="1">'Anexo 1.1 Balanço Orç Intra '!$A$1:$L$104</definedName>
    <definedName name="Z_C779D862_DE28_46CD_A428_4AAA1056D1E1_.wvu.PrintArea" localSheetId="11" hidden="1">'Anexo 12 - Saúde (Estados)'!$A$1:$H$136</definedName>
    <definedName name="Z_C779D862_DE28_46CD_A428_4AAA1056D1E1_.wvu.PrintArea" localSheetId="12" hidden="1">'Anexo 13 - Despesas PPP'!$A$1:$L$58</definedName>
    <definedName name="Z_C779D862_DE28_46CD_A428_4AAA1056D1E1_.wvu.PrintArea" localSheetId="13" hidden="1">'Anexo 14 - Simplificado'!$A$1:$E$111</definedName>
    <definedName name="Z_C779D862_DE28_46CD_A428_4AAA1056D1E1_.wvu.PrintArea" localSheetId="2" hidden="1">'Anexo 2 - Função'!$A$1:$L$204</definedName>
    <definedName name="Z_C779D862_DE28_46CD_A428_4AAA1056D1E1_.wvu.PrintArea" localSheetId="3" hidden="1">'Anexo 2.1 - Função - Intra'!$A$1:$L$113</definedName>
    <definedName name="Z_C779D862_DE28_46CD_A428_4AAA1056D1E1_.wvu.PrintArea" localSheetId="4" hidden="1">'Anexo 3 - RCL Estados'!$A$1:$H$84</definedName>
    <definedName name="Z_C779D862_DE28_46CD_A428_4AAA1056D1E1_.wvu.PrintArea" localSheetId="5" hidden="1">'Anexo 4 - RPPS Financeiro FR 40'!$A$1:$I$135</definedName>
    <definedName name="Z_C779D862_DE28_46CD_A428_4AAA1056D1E1_.wvu.PrintArea" localSheetId="6" hidden="1">'Anexo 4 - RPPS Previdenciário47'!$A$1:$I$135</definedName>
    <definedName name="Z_C779D862_DE28_46CD_A428_4AAA1056D1E1_.wvu.PrintArea" localSheetId="7" hidden="1">'Anexo 5 - Resultado Nominal'!$A$1:$G$59</definedName>
    <definedName name="Z_C779D862_DE28_46CD_A428_4AAA1056D1E1_.wvu.PrintArea" localSheetId="8" hidden="1">'Anexo 6 - Primário Estados'!$A$1:$H$87</definedName>
    <definedName name="Z_C779D862_DE28_46CD_A428_4AAA1056D1E1_.wvu.PrintArea" localSheetId="9" hidden="1">'Anexo 7 - RP Poder e Órgão'!$A$1:$G$101</definedName>
    <definedName name="Z_C779D862_DE28_46CD_A428_4AAA1056D1E1_.wvu.PrintArea" localSheetId="10" hidden="1">'Anexo 8 - MDE - Estados'!$A$1:$H$19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7</definedName>
    <definedName name="Z_D5976633_8ECB_4B00_B200_C7467CF5B10F_.wvu.PrintArea" localSheetId="2" hidden="1">'Anexo 2 - Função'!$A$1:$L$182</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ustomWorkbookViews>
    <customWorkbookView name="sandrade - Modo de exibição pessoal" guid="{6DBFA32C-4AA4-4E1D-9A48-697377C64CC3}" mergeInterval="0" personalView="1" maximized="1" xWindow="-8" yWindow="-8" windowWidth="1382" windowHeight="744" tabRatio="947" activeSheetId="10"/>
    <customWorkbookView name="rooliveira - Modo de exibição pessoal" guid="{3AAF6A5F-F9AA-430B-9AD9-1261ECDF41B5}" mergeInterval="0" personalView="1" maximized="1" xWindow="-8" yWindow="-8" windowWidth="1382" windowHeight="744" tabRatio="854" activeSheetId="12"/>
    <customWorkbookView name="CLÁUDIO JOSÉ DAINESE - Modo de exibição pessoal" guid="{C779D862-DE28-46CD-A428-4AAA1056D1E1}" mergeInterval="0" personalView="1" maximized="1" xWindow="-8" yWindow="-8" windowWidth="1382" windowHeight="744" tabRatio="894" activeSheetId="13"/>
    <customWorkbookView name="JOSE CARLOS BERNARDI - Modo de exibição pessoal" guid="{25EF1E0D-169B-4051-B414-7E1196FC05E4}" mergeInterval="0" personalView="1" maximized="1" xWindow="-8" yWindow="-8" windowWidth="1382" windowHeight="744" tabRatio="773" activeSheetId="12"/>
    <customWorkbookView name="Vicente - Modo de exibição pessoal" guid="{B4FED47C-EE37-4843-A570-282D4F8229D4}" mergeInterval="0" personalView="1" maximized="1" windowWidth="1362" windowHeight="509" tabRatio="773" activeSheetId="8"/>
    <customWorkbookView name="natalino gonçalves de almeida - Modo de exibição pessoal" guid="{D5976633-8ECB-4B00-B200-C7467CF5B10F}" mergeInterval="0" personalView="1" maximized="1" windowWidth="1362" windowHeight="543" tabRatio="951" activeSheetId="11"/>
    <customWorkbookView name="cdainese - Modo de exibição pessoal" guid="{15F968AB-9DD6-4E60-9FDC-FEF44C5FFDCB}" mergeInterval="0" personalView="1" maximized="1" xWindow="1" yWindow="1" windowWidth="1362" windowHeight="538" tabRatio="951" activeSheetId="9"/>
    <customWorkbookView name="vyasunaka - Modo de exibição pessoal" guid="{82EDB5A4-4824-4632-A540-7A52C92F04C7}" mergeInterval="0" personalView="1" maximized="1" xWindow="-4" yWindow="-4" windowWidth="1374" windowHeight="732" tabRatio="893" activeSheetId="11"/>
  </customWorkbookViews>
  <fileRecoveryPr autoRecover="0"/>
</workbook>
</file>

<file path=xl/sharedStrings.xml><?xml version="1.0" encoding="utf-8"?>
<sst xmlns="http://schemas.openxmlformats.org/spreadsheetml/2006/main" count="1751" uniqueCount="910">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PLANO PREVIDENCIÁRIO - ORÇAMENTO DA SEGURIDADE SOCIAL</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CEITA RESULTANTE DE IMPOSTOS</t>
  </si>
  <si>
    <t>(caput do art. 212 da Constituição)</t>
  </si>
  <si>
    <t>RECEITAS ADICIONAIS PARA FINANCIAMENTO DO ENSINO</t>
  </si>
  <si>
    <t xml:space="preserve">   Promoção Comercial</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    Alienação de Bens (V)</t>
  </si>
  <si>
    <t>MAI/2015</t>
  </si>
  <si>
    <t>JUN/2015</t>
  </si>
  <si>
    <t>JUL/2015</t>
  </si>
  <si>
    <t>AGO/2015</t>
  </si>
  <si>
    <t>SET/2015</t>
  </si>
  <si>
    <t>OUT/2015</t>
  </si>
  <si>
    <t xml:space="preserve">       Transferências Constitucionais e Legais</t>
  </si>
  <si>
    <t xml:space="preserve">       Demais Despesas Correntes</t>
  </si>
  <si>
    <t>rnp liq a pagar</t>
  </si>
  <si>
    <t>rnp pagos</t>
  </si>
  <si>
    <t>dif</t>
  </si>
  <si>
    <t>funjecc</t>
  </si>
  <si>
    <t>Ug não identificada</t>
  </si>
  <si>
    <t>relatório</t>
  </si>
  <si>
    <t>NOV/2015</t>
  </si>
  <si>
    <t>DEZ/2015</t>
  </si>
  <si>
    <t>JAN/2016</t>
  </si>
  <si>
    <t>FEV/2016</t>
  </si>
  <si>
    <t>2016</t>
  </si>
  <si>
    <t xml:space="preserve">   Saneamento Básico Rural</t>
  </si>
  <si>
    <t xml:space="preserve">   DesenvolvimentoTecnológico e Engenharia</t>
  </si>
  <si>
    <t xml:space="preserve">   Assistência à Criança e ao Adolescente</t>
  </si>
  <si>
    <t xml:space="preserve">   Promoção da Produção Vegetal</t>
  </si>
  <si>
    <t xml:space="preserve">   Promoção da Produção Animal</t>
  </si>
  <si>
    <t xml:space="preserve">   Defesa Sanitária Animal</t>
  </si>
  <si>
    <t xml:space="preserve">   Transferências</t>
  </si>
  <si>
    <t xml:space="preserve">   Conservação deEnergia</t>
  </si>
  <si>
    <t>Em 31/Dez/2015</t>
  </si>
  <si>
    <t xml:space="preserve"> Em 2016</t>
  </si>
  <si>
    <t>Em 2015</t>
  </si>
  <si>
    <t>Inscritos em 2015</t>
  </si>
  <si>
    <t>REGISTROS EFETUADOS EM 2016</t>
  </si>
  <si>
    <t>52- SALDO FINANCEIRO EM 31 DE DEZEMBRO DE 2015</t>
  </si>
  <si>
    <t xml:space="preserve">   Compensações Financeiras provenientes de Impostos e Transferências Constitucionais</t>
  </si>
  <si>
    <t>CANCELADO EM 2016 (j)</t>
  </si>
  <si>
    <t>Código UG</t>
  </si>
  <si>
    <t>Assembléia Legislativa</t>
  </si>
  <si>
    <t>Tribunal de Contas do Estado</t>
  </si>
  <si>
    <t>FUNTC</t>
  </si>
  <si>
    <t>Tribunal de Justiça do Estado</t>
  </si>
  <si>
    <t>FUNJECC</t>
  </si>
  <si>
    <t>Procuradoria Geral de Justiça</t>
  </si>
  <si>
    <t>FEADMP-MS</t>
  </si>
  <si>
    <t>Saldo Final</t>
  </si>
  <si>
    <t xml:space="preserve"> (Não Aplicado)</t>
  </si>
  <si>
    <t>Resultado</t>
  </si>
  <si>
    <t xml:space="preserve"> Apurado</t>
  </si>
  <si>
    <t>JANEIRO A ABRIL DE 2016 - BIMESTRE MARÇO-ABRIL</t>
  </si>
  <si>
    <t>MAIO 2015 A ABRIL 2016</t>
  </si>
  <si>
    <t>Em 28/Fev/2016</t>
  </si>
  <si>
    <t>Em 30/Abr/2016</t>
  </si>
  <si>
    <t>MAR/2016</t>
  </si>
  <si>
    <t>ABR/2016</t>
  </si>
  <si>
    <t xml:space="preserve"> </t>
  </si>
  <si>
    <t>Observações feitas no 1º Bimestre</t>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7" formatCode="&quot;R$&quot;\ #,##0.00;\-&quot;R$&quot;\ #,##0.00"/>
    <numFmt numFmtId="43" formatCode="_-* #,##0.00_-;\-* #,##0.00_-;_-* &quot;-&quot;??_-;_-@_-"/>
    <numFmt numFmtId="164" formatCode="&quot;R$ &quot;#,##0.00_);[Red]\(&quot;R$ &quot;#,##0.00\)"/>
    <numFmt numFmtId="165" formatCode="_(* #,##0.00_);_(* \(#,##0.00\);_(* &quot;-&quot;??_);_(@_)"/>
    <numFmt numFmtId="166" formatCode="#,##0.0_);\(#,##0.0\)"/>
    <numFmt numFmtId="167" formatCode="&quot;R$&quot;\ #,##0.00"/>
    <numFmt numFmtId="168" formatCode="&quot;R$&quot;\ #,##0.00;[Red]&quot;R$&quot;\ #,##0.00"/>
  </numFmts>
  <fonts count="29"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b/>
      <sz val="8"/>
      <name val="Verdana"/>
      <family val="2"/>
    </font>
    <font>
      <sz val="8"/>
      <name val="Verdana"/>
      <family val="2"/>
    </font>
    <font>
      <b/>
      <sz val="8"/>
      <name val="Verdana"/>
      <family val="2"/>
    </font>
    <font>
      <b/>
      <sz val="8"/>
      <name val="Verdana"/>
    </font>
    <font>
      <sz val="8"/>
      <name val="Verdana"/>
    </font>
  </fonts>
  <fills count="6">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
      <patternFill patternType="solid">
        <fgColor rgb="FFFFFF00"/>
        <bgColor indexed="64"/>
      </patternFill>
    </fill>
  </fills>
  <borders count="21">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hair">
        <color indexed="64"/>
      </bottom>
      <diagonal/>
    </border>
    <border>
      <left/>
      <right/>
      <top/>
      <bottom style="hair">
        <color indexed="64"/>
      </bottom>
      <diagonal/>
    </border>
    <border>
      <left style="thin">
        <color indexed="64"/>
      </left>
      <right/>
      <top/>
      <bottom style="hair">
        <color indexed="64"/>
      </bottom>
      <diagonal/>
    </border>
    <border>
      <left style="thin">
        <color indexed="64"/>
      </left>
      <right/>
      <top style="hair">
        <color indexed="64"/>
      </top>
      <bottom style="hair">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042">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3" xfId="0"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13"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4" fillId="0" borderId="0" xfId="5" applyFont="1" applyFill="1" applyAlignment="1">
      <alignment vertical="center"/>
    </xf>
    <xf numFmtId="43" fontId="4" fillId="0" borderId="0" xfId="5" applyFont="1" applyFill="1" applyBorder="1" applyAlignment="1">
      <alignment vertical="center"/>
    </xf>
    <xf numFmtId="43" fontId="4" fillId="0" borderId="0" xfId="5" applyFont="1" applyFill="1" applyAlignment="1">
      <alignment horizontal="center"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 xfId="5" applyFont="1" applyFill="1" applyBorder="1" applyAlignment="1">
      <alignment horizontal="center"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xf>
    <xf numFmtId="43" fontId="5" fillId="2" borderId="15" xfId="1" applyNumberFormat="1" applyFont="1" applyFill="1" applyBorder="1" applyAlignment="1">
      <alignment vertical="center"/>
    </xf>
    <xf numFmtId="43" fontId="4" fillId="0" borderId="2" xfId="1" applyNumberFormat="1" applyFont="1" applyFill="1" applyBorder="1" applyAlignment="1">
      <alignment horizontal="center"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0" borderId="0" xfId="1" applyNumberFormat="1" applyFont="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9" fillId="0" borderId="3" xfId="0" applyFont="1" applyFill="1" applyBorder="1" applyAlignment="1">
      <alignment horizontal="left" vertical="center"/>
    </xf>
    <xf numFmtId="0" fontId="19" fillId="0" borderId="0" xfId="0" applyFont="1" applyFill="1" applyAlignment="1">
      <alignment vertical="center"/>
    </xf>
    <xf numFmtId="165" fontId="0" fillId="0" borderId="0" xfId="0" applyNumberFormat="1" applyAlignment="1">
      <alignment horizontal="center" wrapText="1"/>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5" fillId="0" borderId="0" xfId="1" applyNumberFormat="1" applyFont="1" applyFill="1" applyAlignment="1">
      <alignment vertical="center"/>
    </xf>
    <xf numFmtId="43" fontId="4" fillId="0" borderId="0" xfId="1" applyNumberFormat="1" applyFont="1" applyFill="1" applyAlignment="1">
      <alignment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43" fontId="5" fillId="0" borderId="5" xfId="1" applyNumberFormat="1" applyFont="1" applyFill="1" applyBorder="1" applyAlignment="1">
      <alignment horizontal="center" vertical="center" wrapText="1"/>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165" fontId="4" fillId="0" borderId="14" xfId="0" applyNumberFormat="1" applyFont="1" applyFill="1" applyBorder="1" applyAlignment="1">
      <alignment vertical="center"/>
    </xf>
    <xf numFmtId="165" fontId="4" fillId="0" borderId="12" xfId="0" applyNumberFormat="1" applyFont="1" applyFill="1" applyBorder="1" applyAlignment="1">
      <alignment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0" xfId="0" applyFont="1" applyFill="1" applyBorder="1" applyAlignment="1">
      <alignmen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43" fontId="5" fillId="0" borderId="15" xfId="0" applyNumberFormat="1" applyFont="1" applyFill="1" applyBorder="1" applyAlignment="1">
      <alignment vertical="center"/>
    </xf>
    <xf numFmtId="0" fontId="4" fillId="0" borderId="3" xfId="0" applyFont="1" applyFill="1" applyBorder="1" applyAlignment="1">
      <alignment horizontal="lef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4" fillId="0" borderId="0" xfId="1" applyNumberFormat="1" applyFont="1" applyFill="1" applyAlignment="1">
      <alignment horizontal="right" vertical="center"/>
    </xf>
    <xf numFmtId="43" fontId="4" fillId="0" borderId="0" xfId="0" applyNumberFormat="1" applyFont="1" applyFill="1" applyAlignment="1">
      <alignment horizontal="center"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0" fontId="24" fillId="0" borderId="0" xfId="0" applyNumberFormat="1" applyFont="1" applyBorder="1"/>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0" fontId="5" fillId="0" borderId="12" xfId="1" applyFont="1" applyBorder="1" applyAlignment="1">
      <alignment horizontal="left" vertical="center" wrapText="1"/>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4" fillId="0" borderId="0" xfId="5" applyFont="1" applyFill="1" applyBorder="1" applyAlignment="1">
      <alignment horizontal="center" vertical="center"/>
    </xf>
    <xf numFmtId="0" fontId="4" fillId="0" borderId="0" xfId="0" applyFont="1" applyFill="1" applyBorder="1" applyAlignment="1">
      <alignment horizontal="center" vertical="center"/>
    </xf>
    <xf numFmtId="43" fontId="4" fillId="0" borderId="0"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0" fontId="16" fillId="0" borderId="0" xfId="0" applyFont="1" applyFill="1" applyAlignment="1">
      <alignment horizontal="right" vertical="center"/>
    </xf>
    <xf numFmtId="43" fontId="4" fillId="0" borderId="0" xfId="0" applyNumberFormat="1" applyFont="1" applyFill="1" applyAlignment="1">
      <alignment vertical="center"/>
    </xf>
    <xf numFmtId="0" fontId="5" fillId="0" borderId="15" xfId="0" applyFont="1" applyFill="1" applyBorder="1" applyAlignment="1">
      <alignmen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165" fontId="4" fillId="0" borderId="13" xfId="0" applyNumberFormat="1" applyFont="1" applyFill="1" applyBorder="1" applyAlignment="1">
      <alignment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10"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11" xfId="5" applyNumberFormat="1" applyFont="1" applyFill="1" applyBorder="1" applyAlignment="1">
      <alignment horizontal="right" vertical="center"/>
    </xf>
    <xf numFmtId="165" fontId="5" fillId="2" borderId="9" xfId="5" applyNumberFormat="1" applyFont="1" applyFill="1" applyBorder="1" applyAlignment="1">
      <alignment horizontal="right" vertical="center" wrapText="1"/>
    </xf>
    <xf numFmtId="165" fontId="5" fillId="2" borderId="10"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5" fillId="0" borderId="2" xfId="5" applyNumberFormat="1" applyFont="1" applyFill="1" applyBorder="1" applyAlignment="1">
      <alignment horizontal="center" vertical="center"/>
    </xf>
    <xf numFmtId="165" fontId="4" fillId="0" borderId="2" xfId="5" applyNumberFormat="1" applyFont="1" applyFill="1" applyBorder="1" applyAlignment="1">
      <alignment horizontal="center" vertical="center"/>
    </xf>
    <xf numFmtId="165" fontId="25" fillId="0" borderId="2" xfId="5" applyNumberFormat="1" applyFont="1" applyFill="1" applyBorder="1" applyAlignment="1">
      <alignment vertical="center"/>
    </xf>
    <xf numFmtId="165" fontId="5" fillId="0" borderId="1" xfId="5" applyNumberFormat="1" applyFont="1" applyFill="1" applyBorder="1" applyAlignment="1">
      <alignment vertical="center"/>
    </xf>
    <xf numFmtId="165" fontId="5" fillId="0" borderId="5" xfId="5" applyNumberFormat="1" applyFont="1" applyFill="1" applyBorder="1" applyAlignment="1">
      <alignment vertical="center"/>
    </xf>
    <xf numFmtId="165" fontId="5" fillId="2" borderId="1" xfId="5" applyNumberFormat="1" applyFont="1" applyFill="1" applyBorder="1" applyAlignment="1">
      <alignment vertical="center"/>
    </xf>
    <xf numFmtId="165" fontId="5" fillId="2" borderId="1" xfId="5" applyNumberFormat="1" applyFont="1" applyFill="1" applyBorder="1" applyAlignment="1">
      <alignment horizontal="center" vertical="center"/>
    </xf>
    <xf numFmtId="165" fontId="4" fillId="0" borderId="2" xfId="0" applyNumberFormat="1" applyFont="1" applyFill="1" applyBorder="1" applyAlignment="1">
      <alignment horizontal="center" vertical="center"/>
    </xf>
    <xf numFmtId="165" fontId="4" fillId="0" borderId="2" xfId="0" applyNumberFormat="1" applyFont="1" applyFill="1" applyBorder="1" applyAlignment="1">
      <alignment vertical="center"/>
    </xf>
    <xf numFmtId="165" fontId="20" fillId="0" borderId="2" xfId="5" applyNumberFormat="1" applyFont="1" applyFill="1" applyBorder="1" applyAlignment="1">
      <alignment vertical="center"/>
    </xf>
    <xf numFmtId="165" fontId="19" fillId="0" borderId="2" xfId="5" applyNumberFormat="1" applyFont="1" applyFill="1" applyBorder="1" applyAlignment="1">
      <alignment vertical="center"/>
    </xf>
    <xf numFmtId="165" fontId="5" fillId="2" borderId="15" xfId="0" applyNumberFormat="1" applyFont="1" applyFill="1" applyBorder="1" applyAlignment="1">
      <alignment horizontal="center" vertical="center"/>
    </xf>
    <xf numFmtId="165" fontId="5" fillId="2" borderId="15" xfId="0" applyNumberFormat="1" applyFont="1" applyFill="1" applyBorder="1" applyAlignment="1">
      <alignment vertical="center"/>
    </xf>
    <xf numFmtId="165" fontId="5" fillId="0" borderId="2" xfId="3" applyNumberFormat="1" applyFont="1" applyFill="1" applyBorder="1" applyAlignment="1">
      <alignment horizontal="center" vertical="center" wrapText="1"/>
    </xf>
    <xf numFmtId="165" fontId="5" fillId="0" borderId="2" xfId="0" applyNumberFormat="1" applyFont="1" applyFill="1" applyBorder="1" applyAlignment="1">
      <alignment vertical="center"/>
    </xf>
    <xf numFmtId="165" fontId="5" fillId="0" borderId="8" xfId="0" applyNumberFormat="1" applyFont="1" applyFill="1" applyBorder="1" applyAlignment="1">
      <alignment horizontal="center" vertical="center"/>
    </xf>
    <xf numFmtId="165" fontId="4" fillId="0" borderId="2" xfId="3" applyNumberFormat="1" applyFont="1" applyFill="1" applyBorder="1" applyAlignment="1">
      <alignment horizontal="center" vertical="center" wrapText="1"/>
    </xf>
    <xf numFmtId="165" fontId="4" fillId="0" borderId="0"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165" fontId="5" fillId="0" borderId="11"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4" fillId="0" borderId="8" xfId="3" applyNumberFormat="1" applyFont="1" applyFill="1" applyBorder="1" applyAlignment="1">
      <alignment vertical="center"/>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horizontal="center" vertical="center" wrapText="1"/>
    </xf>
    <xf numFmtId="165" fontId="5" fillId="0" borderId="8" xfId="5" applyNumberFormat="1" applyFont="1" applyFill="1" applyBorder="1" applyAlignment="1">
      <alignment horizontal="center" vertical="center" wrapText="1"/>
    </xf>
    <xf numFmtId="165" fontId="5" fillId="0" borderId="8" xfId="5" applyNumberFormat="1" applyFont="1" applyFill="1" applyBorder="1" applyAlignment="1">
      <alignment horizontal="left" vertical="center"/>
    </xf>
    <xf numFmtId="165" fontId="5" fillId="0" borderId="2" xfId="5" applyNumberFormat="1" applyFont="1" applyFill="1" applyBorder="1" applyAlignment="1">
      <alignment horizontal="left" vertical="center"/>
    </xf>
    <xf numFmtId="165" fontId="4" fillId="0" borderId="2" xfId="5" applyNumberFormat="1" applyFont="1" applyFill="1" applyBorder="1" applyAlignment="1">
      <alignment horizontal="left" vertical="center"/>
    </xf>
    <xf numFmtId="165" fontId="4" fillId="0" borderId="8" xfId="5" applyNumberFormat="1" applyFont="1" applyFill="1" applyBorder="1" applyAlignment="1">
      <alignment horizontal="left" vertical="center"/>
    </xf>
    <xf numFmtId="165" fontId="4" fillId="0" borderId="2" xfId="5" applyNumberFormat="1" applyFont="1" applyBorder="1"/>
    <xf numFmtId="165" fontId="5" fillId="0" borderId="12" xfId="3" applyNumberFormat="1" applyFont="1" applyFill="1" applyBorder="1" applyAlignment="1">
      <alignment horizontal="center" vertical="center" wrapText="1"/>
    </xf>
    <xf numFmtId="165" fontId="5" fillId="2" borderId="15" xfId="5" applyNumberFormat="1" applyFont="1" applyFill="1" applyBorder="1" applyAlignment="1">
      <alignment horizontal="left"/>
    </xf>
    <xf numFmtId="165" fontId="5" fillId="2" borderId="15" xfId="5" applyNumberFormat="1" applyFont="1" applyFill="1" applyBorder="1" applyAlignment="1">
      <alignment horizontal="left" vertical="center"/>
    </xf>
    <xf numFmtId="165" fontId="5" fillId="2" borderId="10" xfId="5" applyNumberFormat="1" applyFont="1" applyFill="1" applyBorder="1" applyAlignment="1">
      <alignment horizontal="left" vertical="center"/>
    </xf>
    <xf numFmtId="165" fontId="4" fillId="0" borderId="0" xfId="5" applyNumberFormat="1" applyFont="1" applyFill="1" applyBorder="1" applyAlignment="1">
      <alignment vertical="center"/>
    </xf>
    <xf numFmtId="165" fontId="4" fillId="0" borderId="5" xfId="5" applyNumberFormat="1" applyFont="1" applyFill="1" applyBorder="1" applyAlignment="1">
      <alignment vertical="center"/>
    </xf>
    <xf numFmtId="165" fontId="4" fillId="0" borderId="14" xfId="5" applyNumberFormat="1" applyFont="1" applyFill="1" applyBorder="1" applyAlignment="1">
      <alignment vertical="center"/>
    </xf>
    <xf numFmtId="165" fontId="4" fillId="0" borderId="4" xfId="5" applyNumberFormat="1" applyFont="1" applyFill="1" applyBorder="1" applyAlignment="1">
      <alignment vertical="center"/>
    </xf>
    <xf numFmtId="165" fontId="4" fillId="0" borderId="2" xfId="5" applyNumberFormat="1" applyFont="1" applyFill="1" applyBorder="1" applyAlignment="1"/>
    <xf numFmtId="165" fontId="5" fillId="0" borderId="14" xfId="5" applyNumberFormat="1" applyFont="1" applyFill="1" applyBorder="1" applyAlignment="1">
      <alignment horizontal="right" vertical="center" wrapText="1"/>
    </xf>
    <xf numFmtId="165" fontId="5" fillId="0" borderId="4" xfId="0" applyNumberFormat="1" applyFont="1" applyFill="1" applyBorder="1" applyAlignment="1">
      <alignment horizontal="center" vertical="center"/>
    </xf>
    <xf numFmtId="165" fontId="4" fillId="0" borderId="2" xfId="5" applyNumberFormat="1" applyFont="1" applyFill="1" applyBorder="1" applyAlignment="1">
      <alignment horizontal="right" vertical="center"/>
    </xf>
    <xf numFmtId="165" fontId="23" fillId="0" borderId="2" xfId="5" applyNumberFormat="1" applyFont="1" applyFill="1" applyBorder="1" applyAlignment="1">
      <alignment horizontal="right" vertical="center"/>
    </xf>
    <xf numFmtId="165" fontId="4" fillId="0" borderId="8" xfId="5" applyNumberFormat="1" applyFont="1" applyFill="1" applyBorder="1" applyAlignment="1">
      <alignment horizontal="right" vertical="center"/>
    </xf>
    <xf numFmtId="165" fontId="4" fillId="0" borderId="2" xfId="5" quotePrefix="1" applyNumberFormat="1" applyFont="1" applyFill="1" applyBorder="1" applyAlignment="1">
      <alignment horizontal="right" vertical="center"/>
    </xf>
    <xf numFmtId="165" fontId="22" fillId="0" borderId="8" xfId="5" applyNumberFormat="1" applyFont="1" applyFill="1" applyBorder="1" applyAlignment="1">
      <alignment horizontal="right" vertical="center"/>
    </xf>
    <xf numFmtId="165" fontId="5" fillId="0" borderId="2" xfId="5" applyNumberFormat="1" applyFont="1" applyFill="1" applyBorder="1" applyAlignment="1">
      <alignment horizontal="right" vertical="center" wrapText="1"/>
    </xf>
    <xf numFmtId="165" fontId="5" fillId="0" borderId="0" xfId="0" applyNumberFormat="1" applyFont="1" applyFill="1" applyBorder="1" applyAlignment="1">
      <alignment horizontal="center" vertical="center"/>
    </xf>
    <xf numFmtId="165" fontId="5" fillId="0" borderId="7" xfId="0" applyNumberFormat="1" applyFont="1" applyFill="1" applyBorder="1" applyAlignment="1">
      <alignment horizontal="center"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165" fontId="26" fillId="0" borderId="2" xfId="0" applyNumberFormat="1" applyFont="1" applyFill="1" applyBorder="1" applyAlignment="1">
      <alignment horizontal="right" vertical="center"/>
    </xf>
    <xf numFmtId="165" fontId="25" fillId="0" borderId="2" xfId="5" applyNumberFormat="1" applyFont="1" applyFill="1" applyBorder="1" applyAlignment="1">
      <alignment horizontal="right" vertical="center"/>
    </xf>
    <xf numFmtId="165" fontId="25" fillId="0" borderId="8" xfId="5" applyNumberFormat="1" applyFont="1" applyFill="1" applyBorder="1" applyAlignment="1">
      <alignment horizontal="right" vertical="center"/>
    </xf>
    <xf numFmtId="165" fontId="5" fillId="0" borderId="0" xfId="5" applyNumberFormat="1" applyFont="1" applyFill="1" applyBorder="1" applyAlignment="1">
      <alignment vertical="center"/>
    </xf>
    <xf numFmtId="165" fontId="4" fillId="0" borderId="11" xfId="1" applyNumberFormat="1" applyFont="1" applyFill="1" applyBorder="1" applyAlignment="1">
      <alignment vertical="center"/>
    </xf>
    <xf numFmtId="165" fontId="4" fillId="0" borderId="8" xfId="1" applyNumberFormat="1" applyFont="1" applyFill="1" applyBorder="1" applyAlignment="1">
      <alignment vertical="center"/>
    </xf>
    <xf numFmtId="165" fontId="5" fillId="0" borderId="8" xfId="1" applyNumberFormat="1" applyFont="1" applyFill="1" applyBorder="1" applyAlignment="1">
      <alignment vertical="center"/>
    </xf>
    <xf numFmtId="165" fontId="5" fillId="0" borderId="11" xfId="1" applyNumberFormat="1" applyFont="1" applyFill="1" applyBorder="1" applyAlignment="1">
      <alignment vertical="center"/>
    </xf>
    <xf numFmtId="165" fontId="5" fillId="0" borderId="6" xfId="5" applyNumberFormat="1" applyFont="1" applyFill="1" applyBorder="1" applyAlignment="1">
      <alignment horizontal="left" vertical="center" wrapText="1"/>
    </xf>
    <xf numFmtId="165" fontId="5" fillId="0" borderId="14"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6" xfId="5" applyNumberFormat="1" applyFont="1" applyFill="1" applyBorder="1" applyAlignment="1">
      <alignment horizontal="right" vertical="center" wrapText="1"/>
    </xf>
    <xf numFmtId="165" fontId="5" fillId="0" borderId="11" xfId="5" applyNumberFormat="1" applyFont="1" applyFill="1" applyBorder="1" applyAlignment="1">
      <alignment horizontal="left" vertical="center" wrapText="1"/>
    </xf>
    <xf numFmtId="165" fontId="4" fillId="0" borderId="3" xfId="1" applyNumberFormat="1" applyFont="1" applyFill="1" applyBorder="1" applyAlignment="1">
      <alignment horizontal="left" vertical="center" wrapText="1"/>
    </xf>
    <xf numFmtId="165" fontId="4" fillId="0" borderId="2" xfId="5" applyNumberFormat="1" applyFont="1" applyFill="1" applyBorder="1" applyAlignment="1">
      <alignment horizontal="left" vertical="center" wrapText="1"/>
    </xf>
    <xf numFmtId="165" fontId="4" fillId="0" borderId="3" xfId="5" applyNumberFormat="1" applyFont="1" applyFill="1" applyBorder="1" applyAlignment="1">
      <alignment horizontal="right" vertical="center" wrapText="1"/>
    </xf>
    <xf numFmtId="165" fontId="5" fillId="0" borderId="8"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horizontal="left" vertical="center" wrapText="1"/>
    </xf>
    <xf numFmtId="165" fontId="4" fillId="0" borderId="12" xfId="1" applyNumberFormat="1" applyFont="1" applyFill="1" applyBorder="1" applyAlignment="1">
      <alignment horizontal="left" vertical="center" wrapText="1"/>
    </xf>
    <xf numFmtId="165" fontId="5" fillId="0" borderId="13" xfId="5" applyNumberFormat="1" applyFont="1" applyFill="1" applyBorder="1" applyAlignment="1">
      <alignment horizontal="left" vertical="center" wrapText="1"/>
    </xf>
    <xf numFmtId="165" fontId="4" fillId="0" borderId="13" xfId="5" applyNumberFormat="1" applyFont="1" applyFill="1" applyBorder="1" applyAlignment="1">
      <alignment horizontal="right" vertical="center" wrapText="1"/>
    </xf>
    <xf numFmtId="165" fontId="4" fillId="0" borderId="12" xfId="5" applyNumberFormat="1" applyFont="1" applyFill="1" applyBorder="1" applyAlignment="1">
      <alignment horizontal="right" vertical="center" wrapText="1"/>
    </xf>
    <xf numFmtId="165" fontId="5" fillId="0" borderId="1" xfId="5" applyNumberFormat="1" applyFont="1" applyFill="1" applyBorder="1" applyAlignment="1">
      <alignment horizontal="left" vertical="center" wrapText="1"/>
    </xf>
    <xf numFmtId="165" fontId="5" fillId="2" borderId="12" xfId="1" applyNumberFormat="1" applyFont="1" applyFill="1" applyBorder="1" applyAlignment="1">
      <alignment horizontal="left" vertical="center" wrapText="1"/>
    </xf>
    <xf numFmtId="165" fontId="5" fillId="2" borderId="12" xfId="5" applyNumberFormat="1" applyFont="1" applyFill="1" applyBorder="1" applyAlignment="1">
      <alignment horizontal="right" vertical="center" wrapText="1"/>
    </xf>
    <xf numFmtId="165" fontId="5" fillId="2" borderId="1" xfId="5" applyNumberFormat="1" applyFont="1" applyFill="1" applyBorder="1" applyAlignment="1">
      <alignment horizontal="right" vertical="center" wrapText="1"/>
    </xf>
    <xf numFmtId="165" fontId="5" fillId="2" borderId="1" xfId="1" applyNumberFormat="1" applyFont="1" applyFill="1" applyBorder="1" applyAlignment="1">
      <alignment horizontal="left" vertical="center" wrapText="1"/>
    </xf>
    <xf numFmtId="165" fontId="4" fillId="0" borderId="1" xfId="1" applyNumberFormat="1" applyFont="1" applyFill="1" applyBorder="1" applyAlignment="1">
      <alignment vertical="center"/>
    </xf>
    <xf numFmtId="165" fontId="5" fillId="0" borderId="10" xfId="2" applyNumberFormat="1" applyFont="1" applyFill="1" applyBorder="1" applyAlignment="1">
      <alignment vertical="center"/>
    </xf>
    <xf numFmtId="165" fontId="5" fillId="0" borderId="14" xfId="5" applyNumberFormat="1" applyFont="1" applyFill="1" applyBorder="1" applyAlignment="1">
      <alignment horizontal="right" vertical="center"/>
    </xf>
    <xf numFmtId="165" fontId="4" fillId="0" borderId="3" xfId="5" applyNumberFormat="1" applyFont="1" applyFill="1" applyBorder="1" applyAlignment="1">
      <alignment horizontal="left" vertical="center" wrapText="1"/>
    </xf>
    <xf numFmtId="165" fontId="4" fillId="0" borderId="2" xfId="5" applyNumberFormat="1" applyFont="1" applyFill="1" applyBorder="1" applyAlignment="1">
      <alignment horizontal="right" vertical="center" wrapText="1"/>
    </xf>
    <xf numFmtId="165" fontId="5" fillId="2" borderId="9" xfId="5" applyNumberFormat="1" applyFont="1" applyFill="1" applyBorder="1" applyAlignment="1">
      <alignment horizontal="left" vertical="center" wrapText="1"/>
    </xf>
    <xf numFmtId="165" fontId="5" fillId="2" borderId="10" xfId="5" applyNumberFormat="1" applyFont="1" applyFill="1" applyBorder="1" applyAlignment="1">
      <alignment horizontal="left" vertical="center" wrapText="1"/>
    </xf>
    <xf numFmtId="165" fontId="5" fillId="0" borderId="5" xfId="1" applyNumberFormat="1" applyFont="1" applyFill="1" applyBorder="1" applyAlignment="1">
      <alignment vertical="center"/>
    </xf>
    <xf numFmtId="165" fontId="5" fillId="0" borderId="2" xfId="1" applyNumberFormat="1" applyFont="1" applyFill="1" applyBorder="1" applyAlignment="1">
      <alignment vertical="center"/>
    </xf>
    <xf numFmtId="165" fontId="4" fillId="0" borderId="2"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4" fillId="0" borderId="2" xfId="1" applyNumberFormat="1" applyFont="1" applyFill="1" applyBorder="1" applyAlignment="1">
      <alignment vertical="center"/>
    </xf>
    <xf numFmtId="165" fontId="5" fillId="2" borderId="15" xfId="1" applyNumberFormat="1" applyFont="1" applyFill="1" applyBorder="1" applyAlignment="1">
      <alignment vertical="center"/>
    </xf>
    <xf numFmtId="165" fontId="5" fillId="0" borderId="1" xfId="1" applyNumberFormat="1" applyFont="1" applyFill="1" applyBorder="1" applyAlignment="1">
      <alignment vertical="center"/>
    </xf>
    <xf numFmtId="165" fontId="5" fillId="2" borderId="10"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165" fontId="4" fillId="0" borderId="14" xfId="1" applyNumberFormat="1" applyFont="1" applyFill="1" applyBorder="1" applyAlignment="1">
      <alignment vertical="center"/>
    </xf>
    <xf numFmtId="165" fontId="5" fillId="2" borderId="10" xfId="1" applyNumberFormat="1" applyFont="1" applyFill="1" applyBorder="1" applyAlignment="1">
      <alignment horizontal="center" vertical="center" wrapText="1"/>
    </xf>
    <xf numFmtId="165" fontId="5" fillId="2" borderId="1" xfId="1" applyNumberFormat="1" applyFont="1" applyFill="1" applyBorder="1" applyAlignment="1">
      <alignment horizontal="center" vertical="center"/>
    </xf>
    <xf numFmtId="165" fontId="5" fillId="2" borderId="10" xfId="1" applyNumberFormat="1" applyFont="1" applyFill="1" applyBorder="1" applyAlignment="1">
      <alignment vertical="center"/>
    </xf>
    <xf numFmtId="165" fontId="5" fillId="2" borderId="15" xfId="1" applyNumberFormat="1" applyFont="1" applyFill="1" applyBorder="1" applyAlignment="1">
      <alignment horizontal="center" vertical="center"/>
    </xf>
    <xf numFmtId="165" fontId="5" fillId="2" borderId="7" xfId="1" applyNumberFormat="1" applyFont="1" applyFill="1" applyBorder="1" applyAlignment="1">
      <alignment vertical="center"/>
    </xf>
    <xf numFmtId="165" fontId="4" fillId="3" borderId="14" xfId="1" applyNumberFormat="1" applyFont="1" applyFill="1" applyBorder="1" applyAlignment="1">
      <alignment horizontal="left" vertical="center"/>
    </xf>
    <xf numFmtId="165" fontId="4" fillId="3" borderId="6" xfId="1" applyNumberFormat="1" applyFont="1" applyFill="1" applyBorder="1" applyAlignment="1">
      <alignment horizontal="left" vertical="center"/>
    </xf>
    <xf numFmtId="165" fontId="4" fillId="0" borderId="2"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4" fillId="0" borderId="11" xfId="1" applyNumberFormat="1" applyFont="1" applyBorder="1" applyAlignment="1">
      <alignment vertical="center"/>
    </xf>
    <xf numFmtId="165" fontId="4" fillId="3" borderId="2" xfId="1" applyNumberFormat="1" applyFont="1" applyFill="1" applyBorder="1" applyAlignment="1">
      <alignment horizontal="left" vertical="center"/>
    </xf>
    <xf numFmtId="165" fontId="4" fillId="3" borderId="3" xfId="1" applyNumberFormat="1" applyFont="1" applyFill="1" applyBorder="1" applyAlignment="1">
      <alignment horizontal="left" vertical="center"/>
    </xf>
    <xf numFmtId="165" fontId="4" fillId="0" borderId="0" xfId="1" applyNumberFormat="1" applyFont="1" applyFill="1" applyBorder="1" applyAlignment="1">
      <alignment horizontal="center" vertical="center"/>
    </xf>
    <xf numFmtId="165" fontId="4" fillId="0" borderId="8" xfId="1" applyNumberFormat="1" applyFont="1" applyBorder="1" applyAlignment="1">
      <alignment vertical="center"/>
    </xf>
    <xf numFmtId="165" fontId="5" fillId="3" borderId="2" xfId="1" applyNumberFormat="1" applyFont="1" applyFill="1" applyBorder="1" applyAlignment="1">
      <alignment horizontal="left" vertical="center"/>
    </xf>
    <xf numFmtId="165" fontId="5" fillId="3" borderId="3" xfId="1" applyNumberFormat="1" applyFont="1" applyFill="1" applyBorder="1" applyAlignment="1">
      <alignment horizontal="left" vertical="center"/>
    </xf>
    <xf numFmtId="165" fontId="5" fillId="0" borderId="2" xfId="1" applyNumberFormat="1" applyFont="1" applyFill="1" applyBorder="1" applyAlignment="1">
      <alignment horizontal="center" vertical="center"/>
    </xf>
    <xf numFmtId="165" fontId="5" fillId="0" borderId="8" xfId="1" applyNumberFormat="1" applyFont="1" applyBorder="1" applyAlignment="1">
      <alignment vertical="center"/>
    </xf>
    <xf numFmtId="165" fontId="4" fillId="0" borderId="0" xfId="1" applyNumberFormat="1" applyFont="1" applyAlignment="1">
      <alignment vertical="center"/>
    </xf>
    <xf numFmtId="165" fontId="5" fillId="0" borderId="0" xfId="1" applyNumberFormat="1" applyFont="1" applyAlignment="1">
      <alignment vertical="center"/>
    </xf>
    <xf numFmtId="165" fontId="5" fillId="0" borderId="1" xfId="1" applyNumberFormat="1" applyFont="1" applyBorder="1" applyAlignment="1">
      <alignment vertical="center"/>
    </xf>
    <xf numFmtId="165" fontId="5" fillId="0" borderId="14" xfId="1" applyNumberFormat="1" applyFont="1" applyFill="1" applyBorder="1" applyAlignment="1">
      <alignment vertical="center"/>
    </xf>
    <xf numFmtId="165" fontId="5" fillId="0" borderId="11" xfId="1" applyNumberFormat="1" applyFont="1" applyBorder="1" applyAlignment="1">
      <alignment vertical="center"/>
    </xf>
    <xf numFmtId="165" fontId="4" fillId="0" borderId="1" xfId="1" applyNumberFormat="1" applyFont="1" applyBorder="1" applyAlignment="1">
      <alignment vertical="center"/>
    </xf>
    <xf numFmtId="165" fontId="4" fillId="0" borderId="8" xfId="0" applyNumberFormat="1" applyFont="1" applyFill="1" applyBorder="1" applyAlignment="1">
      <alignment horizontal="right" vertical="center" wrapText="1"/>
    </xf>
    <xf numFmtId="165" fontId="4" fillId="0" borderId="2" xfId="0" applyNumberFormat="1" applyFont="1" applyFill="1" applyBorder="1" applyAlignment="1">
      <alignment horizontal="right" vertical="center" wrapText="1"/>
    </xf>
    <xf numFmtId="165" fontId="4" fillId="0" borderId="8" xfId="0" applyNumberFormat="1" applyFont="1" applyFill="1" applyBorder="1" applyAlignment="1">
      <alignment vertical="center" wrapText="1"/>
    </xf>
    <xf numFmtId="165" fontId="5" fillId="2" borderId="15" xfId="0" applyNumberFormat="1" applyFont="1" applyFill="1" applyBorder="1" applyAlignment="1">
      <alignment horizontal="right" vertical="center" wrapText="1"/>
    </xf>
    <xf numFmtId="165" fontId="5" fillId="2" borderId="10" xfId="0" applyNumberFormat="1" applyFont="1" applyFill="1" applyBorder="1" applyAlignment="1">
      <alignment vertical="center" wrapText="1"/>
    </xf>
    <xf numFmtId="165" fontId="5" fillId="2" borderId="13" xfId="0" applyNumberFormat="1" applyFont="1" applyFill="1" applyBorder="1" applyAlignment="1">
      <alignment horizontal="right" vertical="center" wrapText="1"/>
    </xf>
    <xf numFmtId="165" fontId="4" fillId="0" borderId="13" xfId="0" applyNumberFormat="1" applyFont="1" applyFill="1" applyBorder="1" applyAlignment="1">
      <alignment horizontal="center" vertical="center"/>
    </xf>
    <xf numFmtId="165" fontId="5" fillId="0" borderId="14" xfId="0" applyNumberFormat="1" applyFont="1" applyFill="1" applyBorder="1" applyAlignment="1">
      <alignment vertical="center"/>
    </xf>
    <xf numFmtId="168" fontId="4" fillId="0" borderId="0" xfId="0" applyNumberFormat="1" applyFont="1" applyFill="1" applyAlignment="1">
      <alignment horizontal="right" vertical="center"/>
    </xf>
    <xf numFmtId="7" fontId="4" fillId="0" borderId="0" xfId="5" applyNumberFormat="1" applyFont="1" applyFill="1" applyAlignment="1">
      <alignment horizontal="right" vertical="center"/>
    </xf>
    <xf numFmtId="168" fontId="4" fillId="0" borderId="7" xfId="0" applyNumberFormat="1" applyFont="1" applyFill="1" applyBorder="1" applyAlignment="1">
      <alignment horizontal="right" vertical="center"/>
    </xf>
    <xf numFmtId="168" fontId="4" fillId="0" borderId="7" xfId="0" applyNumberFormat="1" applyFont="1" applyFill="1" applyBorder="1" applyAlignment="1">
      <alignment vertical="center"/>
    </xf>
    <xf numFmtId="43" fontId="4" fillId="0" borderId="8" xfId="3" applyNumberFormat="1"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6" xfId="1" applyNumberFormat="1" applyFont="1" applyFill="1" applyBorder="1" applyAlignment="1">
      <alignment vertical="center"/>
    </xf>
    <xf numFmtId="165" fontId="4" fillId="0" borderId="3" xfId="1" applyNumberFormat="1" applyFont="1" applyFill="1" applyBorder="1" applyAlignment="1">
      <alignment vertical="center"/>
    </xf>
    <xf numFmtId="0" fontId="4" fillId="0" borderId="4" xfId="1" applyFont="1" applyFill="1" applyBorder="1" applyAlignment="1">
      <alignment horizontal="left" vertical="center" wrapText="1"/>
    </xf>
    <xf numFmtId="0" fontId="4" fillId="0" borderId="6" xfId="1" applyFont="1" applyFill="1" applyBorder="1" applyAlignment="1">
      <alignment vertical="center" wrapText="1"/>
    </xf>
    <xf numFmtId="165" fontId="4" fillId="0" borderId="0" xfId="0" applyNumberFormat="1" applyFont="1" applyFill="1" applyAlignment="1">
      <alignment vertical="center"/>
    </xf>
    <xf numFmtId="165" fontId="4" fillId="0" borderId="9" xfId="0" applyNumberFormat="1" applyFont="1" applyFill="1" applyBorder="1" applyAlignment="1">
      <alignment vertical="center"/>
    </xf>
    <xf numFmtId="165" fontId="4" fillId="0" borderId="15" xfId="0" applyNumberFormat="1" applyFont="1" applyFill="1" applyBorder="1" applyAlignment="1">
      <alignment horizontal="center" vertical="center"/>
    </xf>
    <xf numFmtId="49" fontId="5" fillId="0" borderId="0" xfId="0" applyNumberFormat="1" applyFont="1" applyFill="1" applyAlignment="1">
      <alignment horizontal="center" vertical="center"/>
    </xf>
    <xf numFmtId="0" fontId="5" fillId="0" borderId="15" xfId="0" applyFont="1" applyFill="1" applyBorder="1" applyAlignment="1">
      <alignment horizontal="center" vertical="center"/>
    </xf>
    <xf numFmtId="0" fontId="5" fillId="0" borderId="16" xfId="0" applyFont="1" applyFill="1" applyBorder="1" applyAlignment="1">
      <alignment horizontal="center" vertical="center"/>
    </xf>
    <xf numFmtId="0" fontId="5" fillId="0" borderId="17" xfId="0" applyFont="1" applyFill="1" applyBorder="1" applyAlignment="1">
      <alignment horizontal="center" vertical="center"/>
    </xf>
    <xf numFmtId="0" fontId="4" fillId="0" borderId="0" xfId="0" applyFont="1" applyFill="1" applyAlignment="1">
      <alignment horizontal="left" vertical="center"/>
    </xf>
    <xf numFmtId="0" fontId="5" fillId="0" borderId="19" xfId="0" applyFont="1" applyFill="1" applyBorder="1" applyAlignment="1">
      <alignment horizontal="center" vertical="center"/>
    </xf>
    <xf numFmtId="0" fontId="5" fillId="0" borderId="18" xfId="0" applyFont="1" applyFill="1" applyBorder="1" applyAlignment="1">
      <alignment horizontal="center" vertical="center"/>
    </xf>
    <xf numFmtId="49" fontId="5" fillId="0" borderId="18" xfId="0" applyNumberFormat="1" applyFont="1" applyFill="1" applyBorder="1" applyAlignment="1">
      <alignment horizontal="center" vertical="center"/>
    </xf>
    <xf numFmtId="49" fontId="4" fillId="0" borderId="20" xfId="0" applyNumberFormat="1" applyFont="1" applyFill="1" applyBorder="1" applyAlignment="1">
      <alignment horizontal="left" vertical="center"/>
    </xf>
    <xf numFmtId="49" fontId="5" fillId="2" borderId="1" xfId="0" applyNumberFormat="1" applyFont="1" applyFill="1" applyBorder="1" applyAlignment="1">
      <alignment horizontal="center" vertical="top"/>
    </xf>
    <xf numFmtId="0" fontId="5" fillId="2" borderId="1" xfId="1" applyFont="1" applyFill="1" applyBorder="1" applyAlignment="1">
      <alignment horizontal="center" vertical="top"/>
    </xf>
    <xf numFmtId="0" fontId="5" fillId="0" borderId="0" xfId="1" applyFont="1" applyFill="1" applyBorder="1" applyAlignment="1">
      <alignment horizontal="left" vertical="center"/>
    </xf>
    <xf numFmtId="0" fontId="5" fillId="2" borderId="4" xfId="1" applyFont="1" applyFill="1" applyBorder="1" applyAlignment="1">
      <alignment horizontal="center" vertical="center"/>
    </xf>
    <xf numFmtId="0" fontId="5" fillId="0" borderId="4" xfId="1" applyFont="1" applyFill="1" applyBorder="1" applyAlignment="1">
      <alignment horizontal="left" vertical="center"/>
    </xf>
    <xf numFmtId="0" fontId="4" fillId="0" borderId="3" xfId="1" applyFont="1" applyBorder="1" applyAlignment="1">
      <alignment horizontal="left" vertical="center"/>
    </xf>
    <xf numFmtId="0" fontId="5" fillId="0" borderId="6" xfId="1" applyFont="1" applyFill="1" applyBorder="1" applyAlignment="1">
      <alignment horizontal="left" vertical="center"/>
    </xf>
    <xf numFmtId="0" fontId="5" fillId="0" borderId="12" xfId="1" applyFont="1" applyBorder="1" applyAlignment="1">
      <alignment horizontal="left" vertical="center"/>
    </xf>
    <xf numFmtId="0" fontId="5" fillId="0" borderId="6" xfId="1" applyFont="1" applyBorder="1" applyAlignment="1">
      <alignment horizontal="left" vertical="center"/>
    </xf>
    <xf numFmtId="0" fontId="5" fillId="0" borderId="3" xfId="1" applyFont="1" applyBorder="1" applyAlignment="1">
      <alignment horizontal="left" vertical="center"/>
    </xf>
    <xf numFmtId="0" fontId="5" fillId="2" borderId="14" xfId="1" applyFont="1" applyFill="1" applyBorder="1" applyAlignment="1">
      <alignment horizontal="center" vertical="center" wrapText="1"/>
    </xf>
    <xf numFmtId="0" fontId="5" fillId="2" borderId="7" xfId="1" applyFont="1" applyFill="1" applyBorder="1" applyAlignment="1">
      <alignment horizontal="center" vertical="top"/>
    </xf>
    <xf numFmtId="0" fontId="5" fillId="0" borderId="3" xfId="1" applyFont="1" applyFill="1" applyBorder="1" applyAlignment="1">
      <alignment horizontal="left" vertical="center"/>
    </xf>
    <xf numFmtId="0" fontId="5" fillId="0" borderId="0" xfId="1" applyFont="1" applyBorder="1" applyAlignment="1">
      <alignment vertical="center"/>
    </xf>
    <xf numFmtId="0" fontId="5" fillId="0" borderId="7" xfId="1" applyFont="1" applyBorder="1" applyAlignment="1">
      <alignment vertical="center"/>
    </xf>
    <xf numFmtId="0" fontId="5" fillId="0" borderId="12" xfId="1" applyFont="1" applyBorder="1" applyAlignment="1">
      <alignment vertical="center"/>
    </xf>
    <xf numFmtId="0" fontId="5" fillId="0" borderId="4" xfId="1" applyFont="1" applyBorder="1" applyAlignment="1">
      <alignment vertical="center"/>
    </xf>
    <xf numFmtId="0" fontId="5" fillId="2" borderId="13" xfId="1" applyFont="1" applyFill="1" applyBorder="1" applyAlignment="1">
      <alignment horizontal="center" vertical="top"/>
    </xf>
    <xf numFmtId="0" fontId="5" fillId="2" borderId="7" xfId="1" applyFont="1" applyFill="1" applyBorder="1" applyAlignment="1">
      <alignment horizontal="center" vertical="top" wrapText="1"/>
    </xf>
    <xf numFmtId="0" fontId="4" fillId="2" borderId="7" xfId="1" applyFont="1" applyFill="1" applyBorder="1" applyAlignment="1">
      <alignment horizontal="center" vertical="top"/>
    </xf>
    <xf numFmtId="0" fontId="5" fillId="2" borderId="7" xfId="1" applyFont="1" applyFill="1" applyBorder="1" applyAlignment="1">
      <alignment horizontal="center" vertical="top"/>
    </xf>
    <xf numFmtId="165" fontId="4" fillId="0" borderId="7" xfId="5" applyNumberFormat="1" applyFont="1" applyFill="1" applyBorder="1" applyAlignment="1">
      <alignment horizontal="center" vertical="center"/>
    </xf>
    <xf numFmtId="0" fontId="5" fillId="2" borderId="13" xfId="0" applyFont="1" applyFill="1" applyBorder="1" applyAlignment="1">
      <alignment horizontal="center" vertical="center"/>
    </xf>
    <xf numFmtId="0" fontId="5" fillId="2" borderId="2" xfId="0" applyFont="1" applyFill="1" applyBorder="1" applyAlignment="1">
      <alignment horizontal="center" vertical="center"/>
    </xf>
    <xf numFmtId="165" fontId="4" fillId="0" borderId="7" xfId="0" applyNumberFormat="1" applyFont="1" applyFill="1" applyBorder="1" applyAlignment="1">
      <alignment horizontal="center" vertical="center"/>
    </xf>
    <xf numFmtId="0" fontId="5" fillId="0" borderId="0" xfId="1" applyFont="1" applyFill="1" applyAlignment="1">
      <alignment vertical="top"/>
    </xf>
    <xf numFmtId="0" fontId="4" fillId="0" borderId="9" xfId="0" applyFont="1" applyFill="1" applyBorder="1" applyAlignment="1">
      <alignment vertical="center" wrapText="1"/>
    </xf>
    <xf numFmtId="165" fontId="5" fillId="0" borderId="4" xfId="0" applyNumberFormat="1" applyFont="1" applyFill="1" applyBorder="1" applyAlignment="1">
      <alignment vertical="center"/>
    </xf>
    <xf numFmtId="165" fontId="5" fillId="0" borderId="5" xfId="0" applyNumberFormat="1" applyFont="1" applyFill="1" applyBorder="1" applyAlignment="1">
      <alignment vertical="center"/>
    </xf>
    <xf numFmtId="0" fontId="5" fillId="0" borderId="4" xfId="0" applyFont="1" applyFill="1" applyBorder="1" applyAlignment="1">
      <alignment vertical="center"/>
    </xf>
    <xf numFmtId="165" fontId="4" fillId="0" borderId="7" xfId="0" applyNumberFormat="1" applyFont="1" applyFill="1" applyBorder="1" applyAlignment="1">
      <alignment vertical="center"/>
    </xf>
    <xf numFmtId="0" fontId="9" fillId="0" borderId="9" xfId="0" applyFont="1" applyFill="1" applyBorder="1" applyAlignment="1">
      <alignment vertical="center"/>
    </xf>
    <xf numFmtId="165" fontId="4" fillId="0" borderId="0" xfId="0" applyNumberFormat="1" applyFont="1" applyFill="1" applyBorder="1" applyAlignment="1">
      <alignment vertical="center"/>
    </xf>
    <xf numFmtId="43" fontId="28" fillId="0" borderId="2" xfId="5" applyNumberFormat="1" applyFont="1" applyFill="1" applyBorder="1" applyAlignment="1">
      <alignment horizontal="right" vertical="center"/>
    </xf>
    <xf numFmtId="49" fontId="5" fillId="2" borderId="10" xfId="0" applyNumberFormat="1" applyFont="1" applyFill="1" applyBorder="1" applyAlignment="1">
      <alignment horizontal="center" vertical="center"/>
    </xf>
    <xf numFmtId="43" fontId="4" fillId="0" borderId="0" xfId="1" applyNumberFormat="1" applyFont="1" applyBorder="1" applyAlignment="1">
      <alignment vertical="center"/>
    </xf>
    <xf numFmtId="0" fontId="5" fillId="0" borderId="12" xfId="1" applyFont="1" applyFill="1" applyBorder="1" applyAlignment="1">
      <alignment horizontal="left" vertical="center"/>
    </xf>
    <xf numFmtId="165" fontId="5" fillId="0" borderId="13" xfId="5" applyNumberFormat="1" applyFont="1" applyFill="1" applyBorder="1" applyAlignment="1">
      <alignment horizontal="right" vertical="center"/>
    </xf>
    <xf numFmtId="165" fontId="5" fillId="0" borderId="13" xfId="5" applyNumberFormat="1" applyFont="1" applyFill="1" applyBorder="1" applyAlignment="1">
      <alignment horizontal="right" vertical="center" wrapText="1"/>
    </xf>
    <xf numFmtId="43" fontId="4" fillId="0" borderId="0" xfId="1" applyNumberFormat="1" applyFont="1" applyAlignment="1">
      <alignment vertical="center"/>
    </xf>
    <xf numFmtId="43" fontId="0" fillId="0" borderId="0" xfId="0" applyNumberFormat="1" applyBorder="1"/>
    <xf numFmtId="43" fontId="4" fillId="0" borderId="0" xfId="1" applyNumberFormat="1" applyFont="1" applyBorder="1" applyAlignment="1">
      <alignment vertical="center"/>
    </xf>
    <xf numFmtId="165" fontId="27" fillId="0" borderId="8" xfId="0" applyNumberFormat="1" applyFont="1" applyFill="1" applyBorder="1" applyAlignment="1">
      <alignment vertical="center"/>
    </xf>
    <xf numFmtId="0" fontId="27" fillId="0" borderId="0" xfId="0" applyFont="1" applyFill="1" applyAlignment="1">
      <alignment vertical="center"/>
    </xf>
    <xf numFmtId="0" fontId="0" fillId="0" borderId="0" xfId="0" applyNumberFormat="1" applyFill="1" applyBorder="1" applyAlignment="1"/>
    <xf numFmtId="0" fontId="28" fillId="0" borderId="0" xfId="0" applyNumberFormat="1" applyFont="1" applyFill="1" applyBorder="1" applyAlignment="1"/>
    <xf numFmtId="0" fontId="28" fillId="0" borderId="0" xfId="0" applyFont="1" applyFill="1" applyAlignment="1">
      <alignment vertical="center"/>
    </xf>
    <xf numFmtId="0" fontId="4" fillId="0" borderId="0" xfId="0" applyFont="1" applyFill="1" applyAlignment="1"/>
    <xf numFmtId="0" fontId="4" fillId="0" borderId="0" xfId="0" applyNumberFormat="1" applyFont="1" applyFill="1" applyAlignment="1"/>
    <xf numFmtId="0" fontId="28" fillId="0" borderId="0" xfId="0" applyFont="1" applyFill="1" applyAlignment="1"/>
    <xf numFmtId="0" fontId="16" fillId="5" borderId="0" xfId="0" applyFont="1" applyFill="1" applyAlignment="1">
      <alignment vertical="center"/>
    </xf>
    <xf numFmtId="43" fontId="4" fillId="0" borderId="0" xfId="1" applyNumberFormat="1" applyFont="1" applyAlignment="1">
      <alignment vertic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4" fillId="0" borderId="11" xfId="5" applyNumberFormat="1" applyFont="1" applyFill="1" applyBorder="1" applyAlignment="1">
      <alignment horizontal="center" vertical="center"/>
    </xf>
    <xf numFmtId="165" fontId="4"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165" fontId="5" fillId="0" borderId="4" xfId="5" applyNumberFormat="1" applyFont="1" applyFill="1" applyBorder="1" applyAlignment="1">
      <alignment horizontal="center" vertical="center"/>
    </xf>
    <xf numFmtId="0" fontId="5" fillId="2" borderId="5" xfId="0"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165" fontId="5" fillId="0" borderId="0"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5" xfId="5" applyNumberFormat="1" applyFont="1" applyFill="1" applyBorder="1" applyAlignment="1">
      <alignment horizontal="center" vertical="center"/>
    </xf>
    <xf numFmtId="165" fontId="5" fillId="0" borderId="5"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165" fontId="4" fillId="0" borderId="7" xfId="5" applyNumberFormat="1" applyFont="1" applyFill="1" applyBorder="1" applyAlignment="1">
      <alignment horizontal="center" vertical="center"/>
    </xf>
    <xf numFmtId="165" fontId="5" fillId="0" borderId="7"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49" fontId="5" fillId="0" borderId="0" xfId="0" applyNumberFormat="1" applyFont="1" applyFill="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6" xfId="0" applyNumberFormat="1" applyFont="1" applyFill="1" applyBorder="1" applyAlignment="1">
      <alignment horizont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165" fontId="4" fillId="0" borderId="4" xfId="5"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165" fontId="5" fillId="0" borderId="11" xfId="5" applyNumberFormat="1" applyFont="1" applyBorder="1" applyAlignment="1">
      <alignment horizontal="center" vertical="center" wrapText="1"/>
    </xf>
    <xf numFmtId="165" fontId="5" fillId="0" borderId="4" xfId="5" applyNumberFormat="1" applyFont="1" applyBorder="1" applyAlignment="1">
      <alignment horizontal="center" vertical="center" wrapText="1"/>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5" xfId="0" applyFont="1" applyFill="1" applyBorder="1" applyAlignment="1">
      <alignment horizontal="center" vertical="center" wrapText="1"/>
    </xf>
    <xf numFmtId="165" fontId="4" fillId="0" borderId="1" xfId="5" applyNumberFormat="1" applyFont="1" applyBorder="1" applyAlignment="1">
      <alignment horizontal="center" vertical="center" wrapText="1"/>
    </xf>
    <xf numFmtId="165" fontId="4" fillId="0" borderId="7" xfId="5" applyNumberFormat="1" applyFont="1" applyBorder="1" applyAlignment="1">
      <alignment horizontal="center" vertical="center" wrapText="1"/>
    </xf>
    <xf numFmtId="165" fontId="4" fillId="0" borderId="8" xfId="5" applyNumberFormat="1" applyFont="1" applyBorder="1" applyAlignment="1">
      <alignment horizontal="center" vertical="center" wrapText="1"/>
    </xf>
    <xf numFmtId="165" fontId="4" fillId="0" borderId="3" xfId="5" applyNumberFormat="1" applyFont="1" applyBorder="1" applyAlignment="1">
      <alignment horizontal="center" vertical="center" wrapText="1"/>
    </xf>
    <xf numFmtId="165" fontId="5" fillId="0" borderId="8" xfId="5" applyNumberFormat="1" applyFont="1" applyBorder="1" applyAlignment="1">
      <alignment horizontal="center" vertical="center" wrapText="1"/>
    </xf>
    <xf numFmtId="165" fontId="5" fillId="0" borderId="3" xfId="5" applyNumberFormat="1" applyFont="1" applyBorder="1" applyAlignment="1">
      <alignment horizontal="center" vertical="center" wrapText="1"/>
    </xf>
    <xf numFmtId="165" fontId="4" fillId="0" borderId="12" xfId="5" applyNumberFormat="1" applyFont="1" applyBorder="1" applyAlignment="1">
      <alignment horizontal="center" vertical="center" wrapText="1"/>
    </xf>
    <xf numFmtId="165" fontId="4" fillId="0" borderId="0" xfId="5" applyNumberFormat="1" applyFont="1" applyBorder="1" applyAlignment="1">
      <alignment horizontal="center" vertical="center" wrapText="1"/>
    </xf>
    <xf numFmtId="165" fontId="5" fillId="0" borderId="0" xfId="5" applyNumberFormat="1"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0" fontId="5" fillId="2" borderId="2" xfId="0"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0" xfId="0" applyFont="1" applyFill="1" applyBorder="1" applyAlignment="1">
      <alignment horizontal="center" vertical="center"/>
    </xf>
    <xf numFmtId="165" fontId="5" fillId="0" borderId="6" xfId="5" applyNumberFormat="1"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9"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165" fontId="4" fillId="0" borderId="11" xfId="5" applyNumberFormat="1" applyFont="1" applyBorder="1" applyAlignment="1">
      <alignment horizontal="center" vertical="center"/>
    </xf>
    <xf numFmtId="165" fontId="4" fillId="0" borderId="4" xfId="5" applyNumberFormat="1" applyFont="1" applyBorder="1" applyAlignment="1">
      <alignment horizontal="center" vertical="center"/>
    </xf>
    <xf numFmtId="165" fontId="4" fillId="0" borderId="6" xfId="5" applyNumberFormat="1" applyFont="1" applyBorder="1" applyAlignment="1">
      <alignment horizontal="center" vertical="center"/>
    </xf>
    <xf numFmtId="165" fontId="4" fillId="0" borderId="8" xfId="5" applyNumberFormat="1" applyFont="1" applyBorder="1" applyAlignment="1">
      <alignment horizontal="center" vertical="center"/>
    </xf>
    <xf numFmtId="0" fontId="0" fillId="0" borderId="0" xfId="0" applyAlignment="1">
      <alignment horizontal="center" vertical="center"/>
    </xf>
    <xf numFmtId="0" fontId="0" fillId="0" borderId="3" xfId="0" applyBorder="1" applyAlignment="1">
      <alignment horizontal="center" vertical="center"/>
    </xf>
    <xf numFmtId="165" fontId="4" fillId="0" borderId="1" xfId="5" applyNumberFormat="1" applyFont="1" applyBorder="1" applyAlignment="1">
      <alignment horizontal="center" vertical="center"/>
    </xf>
    <xf numFmtId="0" fontId="0" fillId="0" borderId="7" xfId="0" applyBorder="1" applyAlignment="1">
      <alignment horizontal="center" vertical="center"/>
    </xf>
    <xf numFmtId="0" fontId="0" fillId="0" borderId="12" xfId="0" applyBorder="1" applyAlignment="1">
      <alignment horizontal="center" vertical="center"/>
    </xf>
    <xf numFmtId="165" fontId="4" fillId="0" borderId="11" xfId="5" applyNumberFormat="1" applyFont="1" applyBorder="1" applyAlignment="1">
      <alignment horizontal="center" vertical="center" wrapText="1"/>
    </xf>
    <xf numFmtId="165" fontId="4" fillId="0" borderId="4" xfId="5" applyNumberFormat="1" applyFont="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49" fontId="4" fillId="0" borderId="0" xfId="0" applyNumberFormat="1" applyFont="1" applyFill="1" applyBorder="1" applyAlignment="1">
      <alignment horizontal="right" vertical="center"/>
    </xf>
    <xf numFmtId="0" fontId="5" fillId="2" borderId="7" xfId="0" applyFont="1" applyFill="1" applyBorder="1" applyAlignment="1">
      <alignment horizontal="center" vertical="center"/>
    </xf>
    <xf numFmtId="165" fontId="4" fillId="0" borderId="6" xfId="5" applyNumberFormat="1" applyFont="1" applyBorder="1" applyAlignment="1">
      <alignment horizontal="center" vertical="center" wrapText="1"/>
    </xf>
    <xf numFmtId="165" fontId="5" fillId="2" borderId="10" xfId="0" applyNumberFormat="1" applyFont="1" applyFill="1" applyBorder="1" applyAlignment="1">
      <alignment horizontal="center" vertical="center" wrapText="1"/>
    </xf>
    <xf numFmtId="165" fontId="5" fillId="2" borderId="5" xfId="0" applyNumberFormat="1" applyFont="1" applyFill="1" applyBorder="1" applyAlignment="1">
      <alignment horizontal="center"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0" fontId="5" fillId="2" borderId="4" xfId="0" applyNumberFormat="1" applyFont="1" applyFill="1" applyBorder="1" applyAlignment="1">
      <alignment horizontal="center" vertical="center"/>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165" fontId="5" fillId="2" borderId="9" xfId="0" applyNumberFormat="1" applyFont="1" applyFill="1" applyBorder="1" applyAlignment="1">
      <alignment horizontal="center" vertical="center"/>
    </xf>
    <xf numFmtId="165" fontId="5" fillId="0" borderId="10" xfId="0" applyNumberFormat="1" applyFont="1" applyFill="1" applyBorder="1" applyAlignment="1">
      <alignment horizontal="center" vertical="center"/>
    </xf>
    <xf numFmtId="165" fontId="5" fillId="0" borderId="5" xfId="0" applyNumberFormat="1" applyFont="1" applyFill="1" applyBorder="1" applyAlignment="1">
      <alignment horizontal="center"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0" fontId="5" fillId="2" borderId="13" xfId="0" applyNumberFormat="1" applyFont="1" applyFill="1" applyBorder="1" applyAlignment="1">
      <alignment horizontal="center" vertical="center"/>
    </xf>
    <xf numFmtId="165" fontId="4" fillId="0" borderId="8" xfId="5" quotePrefix="1" applyNumberFormat="1" applyFont="1" applyFill="1" applyBorder="1" applyAlignment="1">
      <alignment horizontal="center" vertical="center"/>
    </xf>
    <xf numFmtId="165" fontId="4" fillId="0" borderId="3" xfId="5" quotePrefix="1" applyNumberFormat="1" applyFont="1" applyFill="1" applyBorder="1" applyAlignment="1">
      <alignment horizontal="center"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165" fontId="5" fillId="0" borderId="10" xfId="1" applyNumberFormat="1" applyFont="1" applyFill="1" applyBorder="1" applyAlignment="1">
      <alignment horizontal="center" vertical="center"/>
    </xf>
    <xf numFmtId="165" fontId="5" fillId="0" borderId="9" xfId="1" applyNumberFormat="1" applyFont="1" applyFill="1" applyBorder="1" applyAlignment="1">
      <alignment horizontal="center"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5" fillId="2" borderId="10" xfId="1" applyFont="1" applyFill="1" applyBorder="1" applyAlignment="1">
      <alignment horizontal="center" vertical="center"/>
    </xf>
    <xf numFmtId="0" fontId="5" fillId="2" borderId="5" xfId="1" applyFont="1" applyFill="1" applyBorder="1" applyAlignment="1">
      <alignment horizontal="center" vertical="center"/>
    </xf>
    <xf numFmtId="165" fontId="4" fillId="0" borderId="1" xfId="1" applyNumberFormat="1" applyFont="1" applyFill="1" applyBorder="1" applyAlignment="1">
      <alignment horizontal="center" vertical="center"/>
    </xf>
    <xf numFmtId="165" fontId="4" fillId="0" borderId="7" xfId="1" applyNumberFormat="1" applyFont="1" applyFill="1" applyBorder="1" applyAlignment="1">
      <alignment horizontal="center"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5" fillId="0" borderId="11" xfId="5" applyNumberFormat="1" applyFont="1" applyBorder="1" applyAlignment="1">
      <alignment horizontal="center" vertical="center"/>
    </xf>
    <xf numFmtId="165" fontId="5" fillId="0" borderId="6" xfId="5" applyNumberFormat="1" applyFont="1" applyBorder="1" applyAlignment="1">
      <alignment horizontal="center" vertical="center"/>
    </xf>
    <xf numFmtId="165" fontId="4" fillId="0" borderId="3" xfId="5" applyNumberFormat="1" applyFont="1" applyBorder="1" applyAlignment="1">
      <alignment horizontal="center" vertical="center"/>
    </xf>
    <xf numFmtId="0" fontId="5" fillId="2" borderId="4"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6" xfId="1" applyFont="1" applyFill="1" applyBorder="1" applyAlignment="1">
      <alignment horizontal="center" vertical="center"/>
    </xf>
    <xf numFmtId="0" fontId="5" fillId="2" borderId="3" xfId="1" applyFont="1" applyFill="1" applyBorder="1" applyAlignment="1">
      <alignment horizontal="center" vertical="center"/>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0" fontId="5" fillId="2" borderId="12" xfId="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0" fontId="4" fillId="0" borderId="0" xfId="0" applyFont="1" applyFill="1" applyBorder="1" applyAlignment="1">
      <alignment horizontal="left" vertical="center" wrapText="1"/>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4" fillId="0" borderId="0" xfId="1" applyFont="1" applyBorder="1" applyAlignment="1">
      <alignment horizontal="left" vertical="center"/>
    </xf>
    <xf numFmtId="0" fontId="4" fillId="0" borderId="3" xfId="1" applyFont="1" applyBorder="1" applyAlignment="1">
      <alignment horizontal="left" vertical="center"/>
    </xf>
    <xf numFmtId="0" fontId="5" fillId="0" borderId="6" xfId="1" applyFont="1" applyFill="1" applyBorder="1" applyAlignment="1">
      <alignment horizontal="left" vertical="center"/>
    </xf>
    <xf numFmtId="43" fontId="5" fillId="0" borderId="11" xfId="5" applyFont="1" applyFill="1" applyBorder="1" applyAlignment="1">
      <alignment horizontal="center" vertical="center"/>
    </xf>
    <xf numFmtId="43" fontId="5" fillId="0" borderId="4" xfId="5" applyFont="1" applyFill="1" applyBorder="1" applyAlignment="1">
      <alignment horizontal="center" vertical="center"/>
    </xf>
    <xf numFmtId="43" fontId="5" fillId="0" borderId="6" xfId="5" applyFont="1" applyFill="1" applyBorder="1" applyAlignment="1">
      <alignment horizontal="center"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43" fontId="5" fillId="0" borderId="8" xfId="5" applyFont="1" applyFill="1" applyBorder="1" applyAlignment="1">
      <alignment horizontal="center" vertical="center"/>
    </xf>
    <xf numFmtId="43" fontId="5" fillId="0" borderId="0" xfId="5"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0" fontId="0" fillId="0" borderId="0" xfId="0" applyBorder="1" applyAlignment="1">
      <alignment horizontal="center" vertical="center"/>
    </xf>
    <xf numFmtId="0" fontId="5" fillId="2" borderId="11"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1" xfId="1" applyFont="1" applyFill="1" applyBorder="1" applyAlignment="1">
      <alignment horizontal="center" vertical="center" wrapText="1"/>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43" fontId="4" fillId="0" borderId="3" xfId="5" applyFont="1" applyFill="1" applyBorder="1" applyAlignment="1">
      <alignment horizontal="center" vertical="center"/>
    </xf>
    <xf numFmtId="43" fontId="4" fillId="0" borderId="12" xfId="5" applyFont="1" applyFill="1" applyBorder="1" applyAlignment="1">
      <alignment horizontal="center" vertical="center"/>
    </xf>
    <xf numFmtId="0" fontId="5" fillId="2" borderId="9" xfId="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165" fontId="5" fillId="0" borderId="1" xfId="1" applyNumberFormat="1" applyFont="1" applyFill="1" applyBorder="1" applyAlignment="1">
      <alignment horizontal="center" vertical="center"/>
    </xf>
    <xf numFmtId="165" fontId="5" fillId="0" borderId="7" xfId="1" applyNumberFormat="1" applyFont="1" applyFill="1" applyBorder="1" applyAlignment="1">
      <alignment horizontal="center"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0" fontId="0" fillId="0" borderId="5" xfId="0" applyBorder="1" applyAlignment="1">
      <alignment horizontal="center" vertical="center"/>
    </xf>
    <xf numFmtId="0" fontId="0" fillId="0" borderId="4" xfId="0" applyBorder="1" applyAlignment="1">
      <alignment horizontal="center" vertical="center"/>
    </xf>
    <xf numFmtId="0" fontId="4" fillId="0" borderId="7" xfId="1" applyFont="1" applyFill="1" applyBorder="1" applyAlignment="1">
      <alignment horizontal="left" vertical="center"/>
    </xf>
    <xf numFmtId="0" fontId="5" fillId="2" borderId="5" xfId="1" applyFont="1" applyFill="1" applyBorder="1" applyAlignment="1">
      <alignment horizontal="left" vertical="center" wrapText="1"/>
    </xf>
    <xf numFmtId="165" fontId="5" fillId="0" borderId="11" xfId="1" applyNumberFormat="1" applyFont="1" applyFill="1" applyBorder="1" applyAlignment="1">
      <alignment horizontal="center" vertical="center"/>
    </xf>
    <xf numFmtId="165" fontId="5" fillId="0" borderId="4" xfId="1" applyNumberFormat="1" applyFont="1" applyFill="1" applyBorder="1" applyAlignment="1">
      <alignment horizontal="center"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165" fontId="5" fillId="2" borderId="10"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0" fontId="5" fillId="0" borderId="0" xfId="1" applyNumberFormat="1" applyFont="1" applyFill="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165" fontId="5" fillId="0" borderId="6" xfId="1" applyNumberFormat="1" applyFont="1" applyFill="1" applyBorder="1" applyAlignment="1">
      <alignment horizontal="center" vertical="center"/>
    </xf>
    <xf numFmtId="165" fontId="4" fillId="0" borderId="12"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5" fillId="0" borderId="12" xfId="1" applyNumberFormat="1" applyFont="1" applyFill="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165" fontId="5" fillId="0" borderId="8" xfId="5" applyNumberFormat="1" applyFont="1" applyBorder="1" applyAlignment="1">
      <alignment horizontal="center" vertical="center"/>
    </xf>
    <xf numFmtId="165" fontId="5" fillId="0" borderId="3" xfId="5" applyNumberFormat="1" applyFont="1" applyBorder="1" applyAlignment="1">
      <alignment horizontal="center" vertical="center"/>
    </xf>
    <xf numFmtId="0" fontId="5" fillId="2" borderId="2" xfId="1" applyFont="1" applyFill="1" applyBorder="1" applyAlignment="1">
      <alignment horizontal="center" vertical="center"/>
    </xf>
    <xf numFmtId="0" fontId="5" fillId="2" borderId="13" xfId="1" applyFont="1" applyFill="1" applyBorder="1" applyAlignment="1">
      <alignment horizontal="center" vertical="center"/>
    </xf>
    <xf numFmtId="0" fontId="5" fillId="0" borderId="0" xfId="1" applyNumberFormat="1" applyFont="1" applyAlignment="1">
      <alignment horizontal="center" vertical="center" wrapText="1"/>
    </xf>
    <xf numFmtId="0" fontId="5" fillId="2" borderId="14"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4" fillId="0" borderId="11" xfId="1" applyFont="1" applyBorder="1" applyAlignment="1">
      <alignment horizontal="center" vertical="center"/>
    </xf>
    <xf numFmtId="0" fontId="4" fillId="0" borderId="4" xfId="1" applyFont="1" applyBorder="1" applyAlignment="1">
      <alignment horizontal="center" vertical="center"/>
    </xf>
    <xf numFmtId="0" fontId="4" fillId="0" borderId="8" xfId="1" applyFont="1" applyBorder="1" applyAlignment="1">
      <alignment horizontal="center" vertical="center"/>
    </xf>
    <xf numFmtId="0" fontId="4" fillId="0" borderId="0" xfId="1" applyFont="1" applyBorder="1" applyAlignment="1">
      <alignment horizontal="center" vertical="center"/>
    </xf>
    <xf numFmtId="0" fontId="4" fillId="0" borderId="1" xfId="1" applyFont="1" applyBorder="1" applyAlignment="1">
      <alignment horizontal="center" vertical="center"/>
    </xf>
    <xf numFmtId="0" fontId="4" fillId="0" borderId="7" xfId="1" applyFont="1" applyBorder="1" applyAlignment="1">
      <alignment horizontal="center" vertical="center"/>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0" fontId="5" fillId="2" borderId="7" xfId="1" applyFont="1" applyFill="1" applyBorder="1" applyAlignment="1">
      <alignment horizontal="center" vertical="top"/>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0" fontId="5" fillId="2" borderId="5" xfId="1" applyFont="1" applyFill="1" applyBorder="1" applyAlignment="1">
      <alignment vertical="center"/>
    </xf>
    <xf numFmtId="0" fontId="5" fillId="2" borderId="1" xfId="1" applyFont="1" applyFill="1" applyBorder="1" applyAlignment="1">
      <alignment horizontal="center" vertical="top" wrapText="1"/>
    </xf>
    <xf numFmtId="0" fontId="5" fillId="2" borderId="7" xfId="1" applyFont="1" applyFill="1" applyBorder="1" applyAlignment="1">
      <alignment horizontal="center" vertical="top" wrapText="1"/>
    </xf>
    <xf numFmtId="0" fontId="5" fillId="2" borderId="4" xfId="1" applyFont="1" applyFill="1" applyBorder="1" applyAlignment="1">
      <alignment horizontal="center"/>
    </xf>
    <xf numFmtId="0" fontId="5" fillId="2" borderId="9" xfId="1" applyFont="1" applyFill="1" applyBorder="1" applyAlignment="1">
      <alignment horizontal="left" vertical="center" wrapText="1"/>
    </xf>
    <xf numFmtId="43" fontId="4" fillId="0" borderId="5" xfId="1" applyNumberFormat="1" applyFont="1" applyFill="1" applyBorder="1" applyAlignment="1">
      <alignment vertical="center"/>
    </xf>
    <xf numFmtId="165" fontId="5" fillId="0" borderId="0" xfId="1" applyNumberFormat="1" applyFont="1" applyFill="1" applyBorder="1" applyAlignment="1">
      <alignment horizontal="center" vertical="center"/>
    </xf>
    <xf numFmtId="165" fontId="4" fillId="0" borderId="11" xfId="1" applyNumberFormat="1" applyFont="1" applyFill="1" applyBorder="1" applyAlignment="1">
      <alignment horizontal="center" vertical="center"/>
    </xf>
    <xf numFmtId="165" fontId="4" fillId="0" borderId="4" xfId="1" applyNumberFormat="1" applyFont="1" applyFill="1" applyBorder="1" applyAlignment="1">
      <alignment horizontal="center"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165" fontId="4" fillId="0" borderId="1" xfId="0" applyNumberFormat="1" applyFont="1" applyFill="1" applyBorder="1" applyAlignment="1">
      <alignment horizontal="left" vertical="center"/>
    </xf>
    <xf numFmtId="165" fontId="4" fillId="0" borderId="7" xfId="0" applyNumberFormat="1" applyFont="1" applyFill="1" applyBorder="1" applyAlignment="1">
      <alignment horizontal="left" vertical="center"/>
    </xf>
    <xf numFmtId="165" fontId="4" fillId="0" borderId="12" xfId="0" applyNumberFormat="1" applyFont="1" applyFill="1" applyBorder="1" applyAlignment="1">
      <alignment horizontal="left" vertical="center"/>
    </xf>
    <xf numFmtId="165" fontId="5" fillId="0" borderId="11" xfId="0" applyNumberFormat="1" applyFont="1" applyFill="1" applyBorder="1" applyAlignment="1">
      <alignment horizontal="left" vertical="center"/>
    </xf>
    <xf numFmtId="165" fontId="5" fillId="0" borderId="4" xfId="0" applyNumberFormat="1" applyFont="1" applyFill="1" applyBorder="1" applyAlignment="1">
      <alignment horizontal="left" vertical="center"/>
    </xf>
    <xf numFmtId="165" fontId="5" fillId="0" borderId="6" xfId="0" applyNumberFormat="1" applyFont="1" applyFill="1" applyBorder="1" applyAlignment="1">
      <alignment horizontal="left" vertical="center"/>
    </xf>
    <xf numFmtId="165" fontId="4" fillId="0" borderId="8" xfId="0" applyNumberFormat="1" applyFont="1" applyFill="1" applyBorder="1" applyAlignment="1">
      <alignment horizontal="left" vertical="center"/>
    </xf>
    <xf numFmtId="165" fontId="4" fillId="0" borderId="0" xfId="0" applyNumberFormat="1" applyFont="1" applyFill="1" applyAlignment="1">
      <alignment horizontal="left" vertical="center"/>
    </xf>
    <xf numFmtId="165" fontId="4" fillId="0" borderId="3" xfId="0" applyNumberFormat="1" applyFont="1" applyFill="1" applyBorder="1" applyAlignment="1">
      <alignment horizontal="left" vertical="center"/>
    </xf>
    <xf numFmtId="165" fontId="4" fillId="0" borderId="0" xfId="0" applyNumberFormat="1" applyFont="1" applyFill="1" applyBorder="1" applyAlignment="1">
      <alignment horizontal="left" vertical="center"/>
    </xf>
    <xf numFmtId="165" fontId="4" fillId="0" borderId="11" xfId="0" applyNumberFormat="1" applyFont="1" applyFill="1" applyBorder="1" applyAlignment="1">
      <alignment horizontal="left" vertical="center"/>
    </xf>
    <xf numFmtId="165" fontId="4" fillId="0" borderId="4" xfId="0" applyNumberFormat="1" applyFont="1" applyFill="1" applyBorder="1" applyAlignment="1">
      <alignment horizontal="left" vertical="center"/>
    </xf>
    <xf numFmtId="165" fontId="4" fillId="0" borderId="6" xfId="0" applyNumberFormat="1" applyFont="1" applyFill="1" applyBorder="1" applyAlignment="1">
      <alignment horizontal="left" vertical="center"/>
    </xf>
    <xf numFmtId="165" fontId="5" fillId="2" borderId="10" xfId="0" applyNumberFormat="1" applyFont="1" applyFill="1" applyBorder="1" applyAlignment="1">
      <alignment horizontal="left" vertical="center"/>
    </xf>
    <xf numFmtId="165" fontId="5" fillId="2" borderId="5" xfId="0" applyNumberFormat="1" applyFont="1" applyFill="1" applyBorder="1" applyAlignment="1">
      <alignment horizontal="left" vertical="center"/>
    </xf>
    <xf numFmtId="165" fontId="5" fillId="2" borderId="9" xfId="0" applyNumberFormat="1" applyFont="1" applyFill="1" applyBorder="1" applyAlignment="1">
      <alignment horizontal="left" vertical="center"/>
    </xf>
    <xf numFmtId="168"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5" fontId="4" fillId="0" borderId="1" xfId="0" applyNumberFormat="1" applyFont="1" applyFill="1" applyBorder="1" applyAlignment="1">
      <alignment horizontal="center" vertical="center"/>
    </xf>
    <xf numFmtId="165" fontId="4" fillId="0" borderId="12"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xf>
    <xf numFmtId="165" fontId="4" fillId="0" borderId="4"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165" fontId="4" fillId="0" borderId="10" xfId="0" applyNumberFormat="1" applyFont="1" applyFill="1" applyBorder="1" applyAlignment="1">
      <alignment horizontal="center" vertical="center"/>
    </xf>
    <xf numFmtId="165" fontId="4" fillId="0" borderId="5"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wrapText="1"/>
    </xf>
    <xf numFmtId="165" fontId="4" fillId="0" borderId="4" xfId="0" applyNumberFormat="1" applyFont="1" applyFill="1" applyBorder="1" applyAlignment="1">
      <alignment horizontal="center" vertical="center" wrapText="1"/>
    </xf>
    <xf numFmtId="165" fontId="4" fillId="0" borderId="6" xfId="0" applyNumberFormat="1"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165" fontId="5" fillId="0" borderId="11" xfId="0" applyNumberFormat="1" applyFont="1" applyFill="1" applyBorder="1" applyAlignment="1">
      <alignment horizontal="center" vertical="center"/>
    </xf>
    <xf numFmtId="165" fontId="5" fillId="0" borderId="4"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331449</xdr:colOff>
      <xdr:row>97</xdr:row>
      <xdr:rowOff>0</xdr:rowOff>
    </xdr:from>
    <xdr:to>
      <xdr:col>0</xdr:col>
      <xdr:colOff>2581275</xdr:colOff>
      <xdr:row>101</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7</xdr:row>
      <xdr:rowOff>0</xdr:rowOff>
    </xdr:from>
    <xdr:to>
      <xdr:col>3</xdr:col>
      <xdr:colOff>304800</xdr:colOff>
      <xdr:row>101</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7</xdr:row>
      <xdr:rowOff>0</xdr:rowOff>
    </xdr:from>
    <xdr:to>
      <xdr:col>6</xdr:col>
      <xdr:colOff>1095375</xdr:colOff>
      <xdr:row>101</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346161</xdr:colOff>
      <xdr:row>191</xdr:row>
      <xdr:rowOff>0</xdr:rowOff>
    </xdr:from>
    <xdr:to>
      <xdr:col>3</xdr:col>
      <xdr:colOff>405891</xdr:colOff>
      <xdr:row>195</xdr:row>
      <xdr:rowOff>22225</xdr:rowOff>
    </xdr:to>
    <xdr:sp macro="" textlink="">
      <xdr:nvSpPr>
        <xdr:cNvPr id="8" name="CaixaDeTexto 7"/>
        <xdr:cNvSpPr txBox="1"/>
      </xdr:nvSpPr>
      <xdr:spPr>
        <a:xfrm>
          <a:off x="5727786" y="29027438"/>
          <a:ext cx="2667199" cy="5461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03071</xdr:colOff>
      <xdr:row>191</xdr:row>
      <xdr:rowOff>0</xdr:rowOff>
    </xdr:from>
    <xdr:to>
      <xdr:col>7</xdr:col>
      <xdr:colOff>950535</xdr:colOff>
      <xdr:row>195</xdr:row>
      <xdr:rowOff>62764</xdr:rowOff>
    </xdr:to>
    <xdr:sp macro="" textlink="">
      <xdr:nvSpPr>
        <xdr:cNvPr id="9" name="CaixaDeTexto 8"/>
        <xdr:cNvSpPr txBox="1"/>
      </xdr:nvSpPr>
      <xdr:spPr>
        <a:xfrm>
          <a:off x="10337571" y="29027438"/>
          <a:ext cx="3424089" cy="5866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531473</xdr:colOff>
      <xdr:row>131</xdr:row>
      <xdr:rowOff>0</xdr:rowOff>
    </xdr:from>
    <xdr:to>
      <xdr:col>0</xdr:col>
      <xdr:colOff>2924175</xdr:colOff>
      <xdr:row>135</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774279</xdr:colOff>
      <xdr:row>131</xdr:row>
      <xdr:rowOff>0</xdr:rowOff>
    </xdr:from>
    <xdr:to>
      <xdr:col>3</xdr:col>
      <xdr:colOff>825764</xdr:colOff>
      <xdr:row>135</xdr:row>
      <xdr:rowOff>22225</xdr:rowOff>
    </xdr:to>
    <xdr:sp macro="" textlink="">
      <xdr:nvSpPr>
        <xdr:cNvPr id="7" name="CaixaDeTexto 6"/>
        <xdr:cNvSpPr txBox="1"/>
      </xdr:nvSpPr>
      <xdr:spPr>
        <a:xfrm>
          <a:off x="4982774" y="22879439"/>
          <a:ext cx="2617403"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156373</xdr:colOff>
      <xdr:row>131</xdr:row>
      <xdr:rowOff>0</xdr:rowOff>
    </xdr:from>
    <xdr:to>
      <xdr:col>7</xdr:col>
      <xdr:colOff>728562</xdr:colOff>
      <xdr:row>135</xdr:row>
      <xdr:rowOff>62764</xdr:rowOff>
    </xdr:to>
    <xdr:sp macro="" textlink="">
      <xdr:nvSpPr>
        <xdr:cNvPr id="8" name="CaixaDeTexto 7"/>
        <xdr:cNvSpPr txBox="1"/>
      </xdr:nvSpPr>
      <xdr:spPr>
        <a:xfrm>
          <a:off x="9194307" y="22879439"/>
          <a:ext cx="3187801" cy="64592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7</xdr:row>
      <xdr:rowOff>0</xdr:rowOff>
    </xdr:from>
    <xdr:to>
      <xdr:col>0</xdr:col>
      <xdr:colOff>2585355</xdr:colOff>
      <xdr:row>111</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328623</xdr:colOff>
      <xdr:row>107</xdr:row>
      <xdr:rowOff>0</xdr:rowOff>
    </xdr:from>
    <xdr:to>
      <xdr:col>4</xdr:col>
      <xdr:colOff>1014950</xdr:colOff>
      <xdr:row>111</xdr:row>
      <xdr:rowOff>62764</xdr:rowOff>
    </xdr:to>
    <xdr:sp macro="" textlink="">
      <xdr:nvSpPr>
        <xdr:cNvPr id="8" name="CaixaDeTexto 7"/>
        <xdr:cNvSpPr txBox="1"/>
      </xdr:nvSpPr>
      <xdr:spPr>
        <a:xfrm>
          <a:off x="774859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177612</xdr:colOff>
      <xdr:row>107</xdr:row>
      <xdr:rowOff>19050</xdr:rowOff>
    </xdr:from>
    <xdr:to>
      <xdr:col>1</xdr:col>
      <xdr:colOff>619122</xdr:colOff>
      <xdr:row>111</xdr:row>
      <xdr:rowOff>41275</xdr:rowOff>
    </xdr:to>
    <xdr:sp macro="" textlink="">
      <xdr:nvSpPr>
        <xdr:cNvPr id="9" name="CaixaDeTexto 8"/>
        <xdr:cNvSpPr txBox="1"/>
      </xdr:nvSpPr>
      <xdr:spPr>
        <a:xfrm>
          <a:off x="4177612" y="15649575"/>
          <a:ext cx="26137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98</xdr:row>
      <xdr:rowOff>0</xdr:rowOff>
    </xdr:from>
    <xdr:to>
      <xdr:col>1</xdr:col>
      <xdr:colOff>674759</xdr:colOff>
      <xdr:row>202</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98</xdr:row>
      <xdr:rowOff>0</xdr:rowOff>
    </xdr:from>
    <xdr:to>
      <xdr:col>6</xdr:col>
      <xdr:colOff>152400</xdr:colOff>
      <xdr:row>202</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98</xdr:row>
      <xdr:rowOff>0</xdr:rowOff>
    </xdr:from>
    <xdr:to>
      <xdr:col>11</xdr:col>
      <xdr:colOff>541421</xdr:colOff>
      <xdr:row>202</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7</xdr:row>
      <xdr:rowOff>0</xdr:rowOff>
    </xdr:from>
    <xdr:to>
      <xdr:col>1</xdr:col>
      <xdr:colOff>674759</xdr:colOff>
      <xdr:row>111</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7</xdr:row>
      <xdr:rowOff>0</xdr:rowOff>
    </xdr:from>
    <xdr:to>
      <xdr:col>6</xdr:col>
      <xdr:colOff>152400</xdr:colOff>
      <xdr:row>111</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7</xdr:row>
      <xdr:rowOff>0</xdr:rowOff>
    </xdr:from>
    <xdr:to>
      <xdr:col>11</xdr:col>
      <xdr:colOff>541421</xdr:colOff>
      <xdr:row>111</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924300</xdr:colOff>
      <xdr:row>54</xdr:row>
      <xdr:rowOff>0</xdr:rowOff>
    </xdr:from>
    <xdr:to>
      <xdr:col>3</xdr:col>
      <xdr:colOff>186640</xdr:colOff>
      <xdr:row>58</xdr:row>
      <xdr:rowOff>22225</xdr:rowOff>
    </xdr:to>
    <xdr:sp macro="" textlink="">
      <xdr:nvSpPr>
        <xdr:cNvPr id="8" name="CaixaDeTexto 7"/>
        <xdr:cNvSpPr txBox="1"/>
      </xdr:nvSpPr>
      <xdr:spPr>
        <a:xfrm>
          <a:off x="3924300" y="8315325"/>
          <a:ext cx="281554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1133475</xdr:colOff>
      <xdr:row>54</xdr:row>
      <xdr:rowOff>0</xdr:rowOff>
    </xdr:from>
    <xdr:to>
      <xdr:col>6</xdr:col>
      <xdr:colOff>970046</xdr:colOff>
      <xdr:row>58</xdr:row>
      <xdr:rowOff>62764</xdr:rowOff>
    </xdr:to>
    <xdr:sp macro="" textlink="">
      <xdr:nvSpPr>
        <xdr:cNvPr id="9" name="CaixaDeTexto 8"/>
        <xdr:cNvSpPr txBox="1"/>
      </xdr:nvSpPr>
      <xdr:spPr>
        <a:xfrm>
          <a:off x="7686675" y="8315325"/>
          <a:ext cx="367514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10" Type="http://schemas.openxmlformats.org/officeDocument/2006/relationships/drawing" Target="../drawings/drawing1.xml"/><Relationship Id="rId4" Type="http://schemas.openxmlformats.org/officeDocument/2006/relationships/printerSettings" Target="../printerSettings/printerSettings4.bin"/><Relationship Id="rId9" Type="http://schemas.openxmlformats.org/officeDocument/2006/relationships/printerSettings" Target="../printerSettings/printerSettings9.bin"/></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86.bin"/><Relationship Id="rId3" Type="http://schemas.openxmlformats.org/officeDocument/2006/relationships/printerSettings" Target="../printerSettings/printerSettings81.bin"/><Relationship Id="rId7" Type="http://schemas.openxmlformats.org/officeDocument/2006/relationships/printerSettings" Target="../printerSettings/printerSettings85.bin"/><Relationship Id="rId2" Type="http://schemas.openxmlformats.org/officeDocument/2006/relationships/printerSettings" Target="../printerSettings/printerSettings80.bin"/><Relationship Id="rId1" Type="http://schemas.openxmlformats.org/officeDocument/2006/relationships/printerSettings" Target="../printerSettings/printerSettings79.bin"/><Relationship Id="rId6" Type="http://schemas.openxmlformats.org/officeDocument/2006/relationships/printerSettings" Target="../printerSettings/printerSettings84.bin"/><Relationship Id="rId5" Type="http://schemas.openxmlformats.org/officeDocument/2006/relationships/printerSettings" Target="../printerSettings/printerSettings83.bin"/><Relationship Id="rId10" Type="http://schemas.openxmlformats.org/officeDocument/2006/relationships/drawing" Target="../drawings/drawing10.xml"/><Relationship Id="rId4" Type="http://schemas.openxmlformats.org/officeDocument/2006/relationships/printerSettings" Target="../printerSettings/printerSettings82.bin"/><Relationship Id="rId9" Type="http://schemas.openxmlformats.org/officeDocument/2006/relationships/printerSettings" Target="../printerSettings/printerSettings87.bin"/></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95.bin"/><Relationship Id="rId3" Type="http://schemas.openxmlformats.org/officeDocument/2006/relationships/printerSettings" Target="../printerSettings/printerSettings90.bin"/><Relationship Id="rId7" Type="http://schemas.openxmlformats.org/officeDocument/2006/relationships/printerSettings" Target="../printerSettings/printerSettings94.bin"/><Relationship Id="rId2" Type="http://schemas.openxmlformats.org/officeDocument/2006/relationships/printerSettings" Target="../printerSettings/printerSettings89.bin"/><Relationship Id="rId1" Type="http://schemas.openxmlformats.org/officeDocument/2006/relationships/printerSettings" Target="../printerSettings/printerSettings88.bin"/><Relationship Id="rId6" Type="http://schemas.openxmlformats.org/officeDocument/2006/relationships/printerSettings" Target="../printerSettings/printerSettings93.bin"/><Relationship Id="rId5" Type="http://schemas.openxmlformats.org/officeDocument/2006/relationships/printerSettings" Target="../printerSettings/printerSettings92.bin"/><Relationship Id="rId10" Type="http://schemas.openxmlformats.org/officeDocument/2006/relationships/drawing" Target="../drawings/drawing11.xml"/><Relationship Id="rId4" Type="http://schemas.openxmlformats.org/officeDocument/2006/relationships/printerSettings" Target="../printerSettings/printerSettings91.bin"/><Relationship Id="rId9" Type="http://schemas.openxmlformats.org/officeDocument/2006/relationships/printerSettings" Target="../printerSettings/printerSettings96.bin"/></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104.bin"/><Relationship Id="rId3" Type="http://schemas.openxmlformats.org/officeDocument/2006/relationships/printerSettings" Target="../printerSettings/printerSettings99.bin"/><Relationship Id="rId7" Type="http://schemas.openxmlformats.org/officeDocument/2006/relationships/printerSettings" Target="../printerSettings/printerSettings103.bin"/><Relationship Id="rId2" Type="http://schemas.openxmlformats.org/officeDocument/2006/relationships/printerSettings" Target="../printerSettings/printerSettings98.bin"/><Relationship Id="rId1" Type="http://schemas.openxmlformats.org/officeDocument/2006/relationships/printerSettings" Target="../printerSettings/printerSettings97.bin"/><Relationship Id="rId6" Type="http://schemas.openxmlformats.org/officeDocument/2006/relationships/printerSettings" Target="../printerSettings/printerSettings102.bin"/><Relationship Id="rId5" Type="http://schemas.openxmlformats.org/officeDocument/2006/relationships/printerSettings" Target="../printerSettings/printerSettings101.bin"/><Relationship Id="rId10" Type="http://schemas.openxmlformats.org/officeDocument/2006/relationships/drawing" Target="../drawings/drawing12.xml"/><Relationship Id="rId4" Type="http://schemas.openxmlformats.org/officeDocument/2006/relationships/printerSettings" Target="../printerSettings/printerSettings100.bin"/><Relationship Id="rId9" Type="http://schemas.openxmlformats.org/officeDocument/2006/relationships/printerSettings" Target="../printerSettings/printerSettings105.bin"/></Relationships>
</file>

<file path=xl/worksheets/_rels/sheet13.xml.rels><?xml version="1.0" encoding="UTF-8" standalone="yes"?>
<Relationships xmlns="http://schemas.openxmlformats.org/package/2006/relationships"><Relationship Id="rId8" Type="http://schemas.openxmlformats.org/officeDocument/2006/relationships/printerSettings" Target="../printerSettings/printerSettings113.bin"/><Relationship Id="rId3" Type="http://schemas.openxmlformats.org/officeDocument/2006/relationships/printerSettings" Target="../printerSettings/printerSettings108.bin"/><Relationship Id="rId7" Type="http://schemas.openxmlformats.org/officeDocument/2006/relationships/printerSettings" Target="../printerSettings/printerSettings112.bin"/><Relationship Id="rId2" Type="http://schemas.openxmlformats.org/officeDocument/2006/relationships/printerSettings" Target="../printerSettings/printerSettings107.bin"/><Relationship Id="rId1" Type="http://schemas.openxmlformats.org/officeDocument/2006/relationships/printerSettings" Target="../printerSettings/printerSettings106.bin"/><Relationship Id="rId6" Type="http://schemas.openxmlformats.org/officeDocument/2006/relationships/printerSettings" Target="../printerSettings/printerSettings111.bin"/><Relationship Id="rId5" Type="http://schemas.openxmlformats.org/officeDocument/2006/relationships/printerSettings" Target="../printerSettings/printerSettings110.bin"/><Relationship Id="rId4" Type="http://schemas.openxmlformats.org/officeDocument/2006/relationships/printerSettings" Target="../printerSettings/printerSettings109.bin"/><Relationship Id="rId9" Type="http://schemas.openxmlformats.org/officeDocument/2006/relationships/drawing" Target="../drawings/drawing13.xml"/></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21.bin"/><Relationship Id="rId3" Type="http://schemas.openxmlformats.org/officeDocument/2006/relationships/printerSettings" Target="../printerSettings/printerSettings116.bin"/><Relationship Id="rId7" Type="http://schemas.openxmlformats.org/officeDocument/2006/relationships/printerSettings" Target="../printerSettings/printerSettings120.bin"/><Relationship Id="rId2" Type="http://schemas.openxmlformats.org/officeDocument/2006/relationships/printerSettings" Target="../printerSettings/printerSettings115.bin"/><Relationship Id="rId1" Type="http://schemas.openxmlformats.org/officeDocument/2006/relationships/printerSettings" Target="../printerSettings/printerSettings114.bin"/><Relationship Id="rId6" Type="http://schemas.openxmlformats.org/officeDocument/2006/relationships/printerSettings" Target="../printerSettings/printerSettings119.bin"/><Relationship Id="rId5" Type="http://schemas.openxmlformats.org/officeDocument/2006/relationships/printerSettings" Target="../printerSettings/printerSettings118.bin"/><Relationship Id="rId10" Type="http://schemas.openxmlformats.org/officeDocument/2006/relationships/drawing" Target="../drawings/drawing14.xml"/><Relationship Id="rId4" Type="http://schemas.openxmlformats.org/officeDocument/2006/relationships/printerSettings" Target="../printerSettings/printerSettings117.bin"/><Relationship Id="rId9" Type="http://schemas.openxmlformats.org/officeDocument/2006/relationships/printerSettings" Target="../printerSettings/printerSettings122.bin"/></Relationships>
</file>

<file path=xl/worksheets/_rels/sheet2.xml.rels><?xml version="1.0" encoding="UTF-8" standalone="yes"?>
<Relationships xmlns="http://schemas.openxmlformats.org/package/2006/relationships"><Relationship Id="rId8" Type="http://schemas.openxmlformats.org/officeDocument/2006/relationships/drawing" Target="../drawings/drawing2.xml"/><Relationship Id="rId3" Type="http://schemas.openxmlformats.org/officeDocument/2006/relationships/printerSettings" Target="../printerSettings/printerSettings12.bin"/><Relationship Id="rId7" Type="http://schemas.openxmlformats.org/officeDocument/2006/relationships/printerSettings" Target="../printerSettings/printerSettings16.bin"/><Relationship Id="rId2" Type="http://schemas.openxmlformats.org/officeDocument/2006/relationships/printerSettings" Target="../printerSettings/printerSettings11.bin"/><Relationship Id="rId1" Type="http://schemas.openxmlformats.org/officeDocument/2006/relationships/printerSettings" Target="../printerSettings/printerSettings10.bin"/><Relationship Id="rId6" Type="http://schemas.openxmlformats.org/officeDocument/2006/relationships/printerSettings" Target="../printerSettings/printerSettings15.bin"/><Relationship Id="rId5" Type="http://schemas.openxmlformats.org/officeDocument/2006/relationships/printerSettings" Target="../printerSettings/printerSettings14.bin"/><Relationship Id="rId4" Type="http://schemas.openxmlformats.org/officeDocument/2006/relationships/printerSettings" Target="../printerSettings/printerSettings13.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4.bin"/><Relationship Id="rId3" Type="http://schemas.openxmlformats.org/officeDocument/2006/relationships/printerSettings" Target="../printerSettings/printerSettings19.bin"/><Relationship Id="rId7" Type="http://schemas.openxmlformats.org/officeDocument/2006/relationships/printerSettings" Target="../printerSettings/printerSettings23.bin"/><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 Id="rId6" Type="http://schemas.openxmlformats.org/officeDocument/2006/relationships/printerSettings" Target="../printerSettings/printerSettings22.bin"/><Relationship Id="rId5" Type="http://schemas.openxmlformats.org/officeDocument/2006/relationships/printerSettings" Target="../printerSettings/printerSettings21.bin"/><Relationship Id="rId10" Type="http://schemas.openxmlformats.org/officeDocument/2006/relationships/drawing" Target="../drawings/drawing3.xml"/><Relationship Id="rId4" Type="http://schemas.openxmlformats.org/officeDocument/2006/relationships/printerSettings" Target="../printerSettings/printerSettings20.bin"/><Relationship Id="rId9" Type="http://schemas.openxmlformats.org/officeDocument/2006/relationships/printerSettings" Target="../printerSettings/printerSettings25.bin"/></Relationships>
</file>

<file path=xl/worksheets/_rels/sheet4.xml.rels><?xml version="1.0" encoding="UTF-8" standalone="yes"?>
<Relationships xmlns="http://schemas.openxmlformats.org/package/2006/relationships"><Relationship Id="rId8" Type="http://schemas.openxmlformats.org/officeDocument/2006/relationships/printerSettings" Target="../printerSettings/printerSettings33.bin"/><Relationship Id="rId3" Type="http://schemas.openxmlformats.org/officeDocument/2006/relationships/printerSettings" Target="../printerSettings/printerSettings28.bin"/><Relationship Id="rId7" Type="http://schemas.openxmlformats.org/officeDocument/2006/relationships/printerSettings" Target="../printerSettings/printerSettings32.bin"/><Relationship Id="rId2" Type="http://schemas.openxmlformats.org/officeDocument/2006/relationships/printerSettings" Target="../printerSettings/printerSettings27.bin"/><Relationship Id="rId1" Type="http://schemas.openxmlformats.org/officeDocument/2006/relationships/printerSettings" Target="../printerSettings/printerSettings26.bin"/><Relationship Id="rId6" Type="http://schemas.openxmlformats.org/officeDocument/2006/relationships/printerSettings" Target="../printerSettings/printerSettings31.bin"/><Relationship Id="rId5" Type="http://schemas.openxmlformats.org/officeDocument/2006/relationships/printerSettings" Target="../printerSettings/printerSettings30.bin"/><Relationship Id="rId4" Type="http://schemas.openxmlformats.org/officeDocument/2006/relationships/printerSettings" Target="../printerSettings/printerSettings29.bin"/><Relationship Id="rId9" Type="http://schemas.openxmlformats.org/officeDocument/2006/relationships/drawing" Target="../drawings/drawing4.xml"/></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41.bin"/><Relationship Id="rId3" Type="http://schemas.openxmlformats.org/officeDocument/2006/relationships/printerSettings" Target="../printerSettings/printerSettings36.bin"/><Relationship Id="rId7" Type="http://schemas.openxmlformats.org/officeDocument/2006/relationships/printerSettings" Target="../printerSettings/printerSettings40.bin"/><Relationship Id="rId2" Type="http://schemas.openxmlformats.org/officeDocument/2006/relationships/printerSettings" Target="../printerSettings/printerSettings35.bin"/><Relationship Id="rId1" Type="http://schemas.openxmlformats.org/officeDocument/2006/relationships/printerSettings" Target="../printerSettings/printerSettings34.bin"/><Relationship Id="rId6" Type="http://schemas.openxmlformats.org/officeDocument/2006/relationships/printerSettings" Target="../printerSettings/printerSettings39.bin"/><Relationship Id="rId5" Type="http://schemas.openxmlformats.org/officeDocument/2006/relationships/printerSettings" Target="../printerSettings/printerSettings38.bin"/><Relationship Id="rId10" Type="http://schemas.openxmlformats.org/officeDocument/2006/relationships/drawing" Target="../drawings/drawing5.xml"/><Relationship Id="rId4" Type="http://schemas.openxmlformats.org/officeDocument/2006/relationships/printerSettings" Target="../printerSettings/printerSettings37.bin"/><Relationship Id="rId9" Type="http://schemas.openxmlformats.org/officeDocument/2006/relationships/printerSettings" Target="../printerSettings/printerSettings42.bin"/></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50.bin"/><Relationship Id="rId3" Type="http://schemas.openxmlformats.org/officeDocument/2006/relationships/printerSettings" Target="../printerSettings/printerSettings45.bin"/><Relationship Id="rId7" Type="http://schemas.openxmlformats.org/officeDocument/2006/relationships/printerSettings" Target="../printerSettings/printerSettings49.bin"/><Relationship Id="rId2" Type="http://schemas.openxmlformats.org/officeDocument/2006/relationships/printerSettings" Target="../printerSettings/printerSettings44.bin"/><Relationship Id="rId1" Type="http://schemas.openxmlformats.org/officeDocument/2006/relationships/printerSettings" Target="../printerSettings/printerSettings43.bin"/><Relationship Id="rId6" Type="http://schemas.openxmlformats.org/officeDocument/2006/relationships/printerSettings" Target="../printerSettings/printerSettings48.bin"/><Relationship Id="rId5" Type="http://schemas.openxmlformats.org/officeDocument/2006/relationships/printerSettings" Target="../printerSettings/printerSettings47.bin"/><Relationship Id="rId10" Type="http://schemas.openxmlformats.org/officeDocument/2006/relationships/drawing" Target="../drawings/drawing6.xml"/><Relationship Id="rId4" Type="http://schemas.openxmlformats.org/officeDocument/2006/relationships/printerSettings" Target="../printerSettings/printerSettings46.bin"/><Relationship Id="rId9" Type="http://schemas.openxmlformats.org/officeDocument/2006/relationships/printerSettings" Target="../printerSettings/printerSettings51.bin"/></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9.bin"/><Relationship Id="rId3" Type="http://schemas.openxmlformats.org/officeDocument/2006/relationships/printerSettings" Target="../printerSettings/printerSettings54.bin"/><Relationship Id="rId7" Type="http://schemas.openxmlformats.org/officeDocument/2006/relationships/printerSettings" Target="../printerSettings/printerSettings58.bin"/><Relationship Id="rId2" Type="http://schemas.openxmlformats.org/officeDocument/2006/relationships/printerSettings" Target="../printerSettings/printerSettings53.bin"/><Relationship Id="rId1" Type="http://schemas.openxmlformats.org/officeDocument/2006/relationships/printerSettings" Target="../printerSettings/printerSettings52.bin"/><Relationship Id="rId6" Type="http://schemas.openxmlformats.org/officeDocument/2006/relationships/printerSettings" Target="../printerSettings/printerSettings57.bin"/><Relationship Id="rId5" Type="http://schemas.openxmlformats.org/officeDocument/2006/relationships/printerSettings" Target="../printerSettings/printerSettings56.bin"/><Relationship Id="rId10" Type="http://schemas.openxmlformats.org/officeDocument/2006/relationships/drawing" Target="../drawings/drawing7.xml"/><Relationship Id="rId4" Type="http://schemas.openxmlformats.org/officeDocument/2006/relationships/printerSettings" Target="../printerSettings/printerSettings55.bin"/><Relationship Id="rId9" Type="http://schemas.openxmlformats.org/officeDocument/2006/relationships/printerSettings" Target="../printerSettings/printerSettings60.bin"/></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8.bin"/><Relationship Id="rId3" Type="http://schemas.openxmlformats.org/officeDocument/2006/relationships/printerSettings" Target="../printerSettings/printerSettings63.bin"/><Relationship Id="rId7" Type="http://schemas.openxmlformats.org/officeDocument/2006/relationships/printerSettings" Target="../printerSettings/printerSettings67.bin"/><Relationship Id="rId2" Type="http://schemas.openxmlformats.org/officeDocument/2006/relationships/printerSettings" Target="../printerSettings/printerSettings62.bin"/><Relationship Id="rId1" Type="http://schemas.openxmlformats.org/officeDocument/2006/relationships/printerSettings" Target="../printerSettings/printerSettings61.bin"/><Relationship Id="rId6" Type="http://schemas.openxmlformats.org/officeDocument/2006/relationships/printerSettings" Target="../printerSettings/printerSettings66.bin"/><Relationship Id="rId5" Type="http://schemas.openxmlformats.org/officeDocument/2006/relationships/printerSettings" Target="../printerSettings/printerSettings65.bin"/><Relationship Id="rId10" Type="http://schemas.openxmlformats.org/officeDocument/2006/relationships/drawing" Target="../drawings/drawing8.xml"/><Relationship Id="rId4" Type="http://schemas.openxmlformats.org/officeDocument/2006/relationships/printerSettings" Target="../printerSettings/printerSettings64.bin"/><Relationship Id="rId9" Type="http://schemas.openxmlformats.org/officeDocument/2006/relationships/printerSettings" Target="../printerSettings/printerSettings69.bin"/></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10" Type="http://schemas.openxmlformats.org/officeDocument/2006/relationships/drawing" Target="../drawings/drawing9.xml"/><Relationship Id="rId4" Type="http://schemas.openxmlformats.org/officeDocument/2006/relationships/printerSettings" Target="../printerSettings/printerSettings73.bin"/><Relationship Id="rId9" Type="http://schemas.openxmlformats.org/officeDocument/2006/relationships/printerSettings" Target="../printerSettings/printerSettings7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pageSetUpPr fitToPage="1"/>
  </sheetPr>
  <dimension ref="A1:N127"/>
  <sheetViews>
    <sheetView showGridLines="0" tabSelected="1" zoomScaleNormal="100" workbookViewId="0"/>
  </sheetViews>
  <sheetFormatPr defaultRowHeight="11.25" customHeight="1" x14ac:dyDescent="0.2"/>
  <cols>
    <col min="1" max="1" width="57.42578125" style="45" customWidth="1"/>
    <col min="2" max="3" width="20.140625" style="45" bestFit="1" customWidth="1"/>
    <col min="4" max="8" width="19" style="45" bestFit="1" customWidth="1"/>
    <col min="9" max="9" width="20.140625" style="45" bestFit="1" customWidth="1"/>
    <col min="10" max="10" width="18.42578125" style="45" customWidth="1"/>
    <col min="11" max="11" width="7.85546875" style="45" customWidth="1"/>
    <col min="12" max="12" width="20" style="45"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404"/>
      <c r="B1" s="290"/>
      <c r="C1" s="290"/>
      <c r="D1" s="290"/>
      <c r="E1" s="290"/>
      <c r="F1" s="290"/>
      <c r="G1" s="290"/>
      <c r="H1" s="290"/>
      <c r="I1" s="290"/>
      <c r="J1" s="290"/>
      <c r="K1" s="290"/>
      <c r="L1" s="290"/>
    </row>
    <row r="2" spans="1:14" s="26" customFormat="1" ht="11.25" customHeight="1" x14ac:dyDescent="0.2">
      <c r="A2" s="290"/>
      <c r="B2" s="290"/>
      <c r="C2" s="290"/>
      <c r="D2" s="290"/>
      <c r="E2" s="290"/>
      <c r="F2" s="290"/>
      <c r="G2" s="290"/>
      <c r="H2" s="290"/>
      <c r="I2" s="290"/>
      <c r="J2" s="290"/>
      <c r="K2" s="290"/>
      <c r="L2" s="290"/>
    </row>
    <row r="3" spans="1:14" ht="11.25" customHeight="1" x14ac:dyDescent="0.2">
      <c r="A3" s="740" t="s">
        <v>638</v>
      </c>
      <c r="B3" s="740"/>
      <c r="C3" s="740"/>
      <c r="D3" s="740"/>
      <c r="E3" s="740"/>
      <c r="F3" s="740"/>
      <c r="G3" s="740"/>
      <c r="H3" s="740"/>
      <c r="I3" s="740"/>
      <c r="J3" s="740"/>
      <c r="K3" s="740"/>
      <c r="L3" s="740"/>
    </row>
    <row r="4" spans="1:14" ht="11.25" customHeight="1" x14ac:dyDescent="0.2">
      <c r="A4" s="740" t="s">
        <v>105</v>
      </c>
      <c r="B4" s="740"/>
      <c r="C4" s="740"/>
      <c r="D4" s="740"/>
      <c r="E4" s="740"/>
      <c r="F4" s="740"/>
      <c r="G4" s="740"/>
      <c r="H4" s="740"/>
      <c r="I4" s="740"/>
      <c r="J4" s="740"/>
      <c r="K4" s="740"/>
      <c r="L4" s="740"/>
    </row>
    <row r="5" spans="1:14" ht="11.25" customHeight="1" x14ac:dyDescent="0.2">
      <c r="A5" s="740" t="s">
        <v>106</v>
      </c>
      <c r="B5" s="740"/>
      <c r="C5" s="740"/>
      <c r="D5" s="740"/>
      <c r="E5" s="740"/>
      <c r="F5" s="740"/>
      <c r="G5" s="740"/>
      <c r="H5" s="740"/>
      <c r="I5" s="740"/>
      <c r="J5" s="740"/>
      <c r="K5" s="740"/>
      <c r="L5" s="740"/>
    </row>
    <row r="6" spans="1:14" ht="11.25" customHeight="1" x14ac:dyDescent="0.2">
      <c r="A6" s="740" t="s">
        <v>107</v>
      </c>
      <c r="B6" s="740"/>
      <c r="C6" s="740"/>
      <c r="D6" s="740"/>
      <c r="E6" s="740"/>
      <c r="F6" s="740"/>
      <c r="G6" s="740"/>
      <c r="H6" s="740"/>
      <c r="I6" s="740"/>
      <c r="J6" s="740"/>
      <c r="K6" s="740"/>
      <c r="L6" s="740"/>
    </row>
    <row r="7" spans="1:14" ht="11.25" customHeight="1" x14ac:dyDescent="0.2">
      <c r="A7" s="740" t="s">
        <v>902</v>
      </c>
      <c r="B7" s="740"/>
      <c r="C7" s="740"/>
      <c r="D7" s="740"/>
      <c r="E7" s="740"/>
      <c r="F7" s="740"/>
      <c r="G7" s="740"/>
      <c r="H7" s="740"/>
      <c r="I7" s="740"/>
      <c r="J7" s="740"/>
      <c r="K7" s="740"/>
      <c r="L7" s="740"/>
    </row>
    <row r="8" spans="1:14" s="26" customFormat="1" ht="11.25" customHeight="1" x14ac:dyDescent="0.2">
      <c r="A8" s="46"/>
      <c r="B8" s="46"/>
      <c r="C8" s="46"/>
      <c r="D8" s="327"/>
      <c r="E8" s="327"/>
      <c r="F8" s="46"/>
      <c r="G8" s="46"/>
      <c r="H8" s="46"/>
      <c r="I8" s="46"/>
      <c r="J8" s="46"/>
      <c r="K8" s="46"/>
    </row>
    <row r="9" spans="1:14" s="26" customFormat="1" ht="11.25" customHeight="1" x14ac:dyDescent="0.2">
      <c r="A9" s="26" t="s">
        <v>358</v>
      </c>
      <c r="B9" s="112"/>
      <c r="D9" s="299"/>
      <c r="E9" s="299"/>
      <c r="H9" s="131"/>
      <c r="I9" s="46"/>
      <c r="J9" s="131"/>
      <c r="L9" s="621">
        <v>1</v>
      </c>
    </row>
    <row r="10" spans="1:14" ht="15" customHeight="1" x14ac:dyDescent="0.2">
      <c r="A10" s="744" t="s">
        <v>852</v>
      </c>
      <c r="B10" s="745" t="s">
        <v>426</v>
      </c>
      <c r="C10" s="753"/>
      <c r="D10" s="745" t="s">
        <v>235</v>
      </c>
      <c r="E10" s="746"/>
      <c r="F10" s="749" t="s">
        <v>109</v>
      </c>
      <c r="G10" s="750"/>
      <c r="H10" s="750"/>
      <c r="I10" s="750"/>
      <c r="J10" s="750"/>
      <c r="K10" s="751"/>
      <c r="L10" s="743" t="s">
        <v>161</v>
      </c>
    </row>
    <row r="11" spans="1:14" ht="15" customHeight="1" x14ac:dyDescent="0.2">
      <c r="A11" s="758"/>
      <c r="B11" s="754"/>
      <c r="C11" s="755"/>
      <c r="D11" s="747"/>
      <c r="E11" s="748"/>
      <c r="F11" s="743" t="s">
        <v>113</v>
      </c>
      <c r="G11" s="744"/>
      <c r="H11" s="47" t="s">
        <v>114</v>
      </c>
      <c r="I11" s="743" t="s">
        <v>115</v>
      </c>
      <c r="J11" s="744"/>
      <c r="K11" s="48" t="s">
        <v>114</v>
      </c>
      <c r="L11" s="752"/>
    </row>
    <row r="12" spans="1:14" ht="15" customHeight="1" x14ac:dyDescent="0.2">
      <c r="A12" s="759"/>
      <c r="B12" s="756"/>
      <c r="C12" s="757"/>
      <c r="D12" s="741" t="s">
        <v>116</v>
      </c>
      <c r="E12" s="742"/>
      <c r="F12" s="741" t="s">
        <v>117</v>
      </c>
      <c r="G12" s="742"/>
      <c r="H12" s="391" t="s">
        <v>118</v>
      </c>
      <c r="I12" s="741" t="s">
        <v>152</v>
      </c>
      <c r="J12" s="742"/>
      <c r="K12" s="392" t="s">
        <v>153</v>
      </c>
      <c r="L12" s="392" t="s">
        <v>154</v>
      </c>
    </row>
    <row r="13" spans="1:14" ht="10.5" x14ac:dyDescent="0.2">
      <c r="A13" s="145" t="s">
        <v>359</v>
      </c>
      <c r="B13" s="711">
        <v>12847593800</v>
      </c>
      <c r="C13" s="712"/>
      <c r="D13" s="711">
        <v>12857891005.900002</v>
      </c>
      <c r="E13" s="712"/>
      <c r="F13" s="711">
        <v>1728318000.9400001</v>
      </c>
      <c r="G13" s="712"/>
      <c r="H13" s="421">
        <v>13.441691177401799</v>
      </c>
      <c r="I13" s="711">
        <v>3472872228.2699995</v>
      </c>
      <c r="J13" s="712"/>
      <c r="K13" s="421">
        <v>27.009656767788975</v>
      </c>
      <c r="L13" s="422">
        <v>9385018777.6300011</v>
      </c>
    </row>
    <row r="14" spans="1:14" ht="10.5" x14ac:dyDescent="0.2">
      <c r="A14" s="146" t="s">
        <v>8</v>
      </c>
      <c r="B14" s="709">
        <v>11938933900</v>
      </c>
      <c r="C14" s="710"/>
      <c r="D14" s="709">
        <v>11949220174.700001</v>
      </c>
      <c r="E14" s="710"/>
      <c r="F14" s="709">
        <v>1625262895.7</v>
      </c>
      <c r="G14" s="710"/>
      <c r="H14" s="421">
        <v>13.601413916040794</v>
      </c>
      <c r="I14" s="709">
        <v>3280599113.3999996</v>
      </c>
      <c r="J14" s="710"/>
      <c r="K14" s="421">
        <v>27.454503854117519</v>
      </c>
      <c r="L14" s="422">
        <v>8668621061.3000011</v>
      </c>
    </row>
    <row r="15" spans="1:14" ht="10.5" x14ac:dyDescent="0.2">
      <c r="A15" s="146" t="s">
        <v>9</v>
      </c>
      <c r="B15" s="697">
        <v>7816598300</v>
      </c>
      <c r="C15" s="698"/>
      <c r="D15" s="697">
        <v>7816598300</v>
      </c>
      <c r="E15" s="698"/>
      <c r="F15" s="697">
        <v>955019940.36000001</v>
      </c>
      <c r="G15" s="698"/>
      <c r="H15" s="423">
        <v>12.217845969646412</v>
      </c>
      <c r="I15" s="697">
        <v>1979987164.6699998</v>
      </c>
      <c r="J15" s="698"/>
      <c r="K15" s="423">
        <v>25.330547748244907</v>
      </c>
      <c r="L15" s="424">
        <v>5836611135.3300009</v>
      </c>
      <c r="M15" s="28"/>
      <c r="N15" s="56"/>
    </row>
    <row r="16" spans="1:14" ht="10.5" x14ac:dyDescent="0.2">
      <c r="A16" s="29" t="s">
        <v>10</v>
      </c>
      <c r="B16" s="697">
        <v>7543984100</v>
      </c>
      <c r="C16" s="698"/>
      <c r="D16" s="697">
        <v>7543984100</v>
      </c>
      <c r="E16" s="698"/>
      <c r="F16" s="697">
        <v>921055619.51999998</v>
      </c>
      <c r="G16" s="698"/>
      <c r="H16" s="423">
        <v>12.20914051926488</v>
      </c>
      <c r="I16" s="697">
        <v>1917280432.8099999</v>
      </c>
      <c r="J16" s="698"/>
      <c r="K16" s="423">
        <v>25.414693448386245</v>
      </c>
      <c r="L16" s="424">
        <v>5626703667.1900005</v>
      </c>
    </row>
    <row r="17" spans="1:14" ht="10.5" x14ac:dyDescent="0.2">
      <c r="A17" s="29" t="s">
        <v>11</v>
      </c>
      <c r="B17" s="697">
        <v>272614200</v>
      </c>
      <c r="C17" s="698"/>
      <c r="D17" s="697">
        <v>272614200</v>
      </c>
      <c r="E17" s="698"/>
      <c r="F17" s="697">
        <v>33964320.840000004</v>
      </c>
      <c r="G17" s="698"/>
      <c r="H17" s="423">
        <v>12.458749705627953</v>
      </c>
      <c r="I17" s="697">
        <v>62706731.859999999</v>
      </c>
      <c r="J17" s="698"/>
      <c r="K17" s="423">
        <v>23.002004979931346</v>
      </c>
      <c r="L17" s="424">
        <v>209907468.13999999</v>
      </c>
    </row>
    <row r="18" spans="1:14" ht="10.5" x14ac:dyDescent="0.2">
      <c r="A18" s="29" t="s">
        <v>12</v>
      </c>
      <c r="B18" s="697">
        <v>0</v>
      </c>
      <c r="C18" s="698"/>
      <c r="D18" s="697">
        <v>0</v>
      </c>
      <c r="E18" s="698"/>
      <c r="F18" s="697">
        <v>0</v>
      </c>
      <c r="G18" s="698"/>
      <c r="H18" s="423">
        <v>0</v>
      </c>
      <c r="I18" s="697">
        <v>0</v>
      </c>
      <c r="J18" s="698"/>
      <c r="K18" s="423">
        <v>0</v>
      </c>
      <c r="L18" s="424">
        <v>0</v>
      </c>
    </row>
    <row r="19" spans="1:14" ht="10.5" x14ac:dyDescent="0.2">
      <c r="A19" s="146" t="s">
        <v>13</v>
      </c>
      <c r="B19" s="697">
        <v>411000000</v>
      </c>
      <c r="C19" s="698"/>
      <c r="D19" s="697">
        <v>411000000</v>
      </c>
      <c r="E19" s="698"/>
      <c r="F19" s="697">
        <v>75156947.269999996</v>
      </c>
      <c r="G19" s="698"/>
      <c r="H19" s="423">
        <v>18.286361866180048</v>
      </c>
      <c r="I19" s="697">
        <v>127217471.77</v>
      </c>
      <c r="J19" s="698"/>
      <c r="K19" s="423">
        <v>30.953156148418493</v>
      </c>
      <c r="L19" s="424">
        <v>283782528.23000002</v>
      </c>
      <c r="M19" s="56"/>
      <c r="N19" s="56"/>
    </row>
    <row r="20" spans="1:14" ht="10.5" x14ac:dyDescent="0.2">
      <c r="A20" s="29" t="s">
        <v>14</v>
      </c>
      <c r="B20" s="697">
        <v>411000000</v>
      </c>
      <c r="C20" s="698"/>
      <c r="D20" s="697">
        <v>411000000</v>
      </c>
      <c r="E20" s="698"/>
      <c r="F20" s="697">
        <v>75156947.269999996</v>
      </c>
      <c r="G20" s="698"/>
      <c r="H20" s="423">
        <v>18.286361866180048</v>
      </c>
      <c r="I20" s="697">
        <v>127217471.77</v>
      </c>
      <c r="J20" s="698"/>
      <c r="K20" s="423">
        <v>30.953156148418493</v>
      </c>
      <c r="L20" s="424">
        <v>283782528.23000002</v>
      </c>
    </row>
    <row r="21" spans="1:14" ht="10.5" x14ac:dyDescent="0.2">
      <c r="A21" s="29" t="s">
        <v>356</v>
      </c>
      <c r="B21" s="697">
        <v>0</v>
      </c>
      <c r="C21" s="698"/>
      <c r="D21" s="697">
        <v>0</v>
      </c>
      <c r="E21" s="698"/>
      <c r="F21" s="697">
        <v>0</v>
      </c>
      <c r="G21" s="698"/>
      <c r="H21" s="423">
        <v>0</v>
      </c>
      <c r="I21" s="697">
        <v>0</v>
      </c>
      <c r="J21" s="698"/>
      <c r="K21" s="423">
        <v>0</v>
      </c>
      <c r="L21" s="424">
        <v>0</v>
      </c>
    </row>
    <row r="22" spans="1:14" ht="10.5" x14ac:dyDescent="0.2">
      <c r="A22" s="29" t="s">
        <v>357</v>
      </c>
      <c r="B22" s="697">
        <v>0</v>
      </c>
      <c r="C22" s="698"/>
      <c r="D22" s="697">
        <v>0</v>
      </c>
      <c r="E22" s="698"/>
      <c r="F22" s="697">
        <v>0</v>
      </c>
      <c r="G22" s="698"/>
      <c r="H22" s="423">
        <v>0</v>
      </c>
      <c r="I22" s="697">
        <v>0</v>
      </c>
      <c r="J22" s="698"/>
      <c r="K22" s="423">
        <v>0</v>
      </c>
      <c r="L22" s="424">
        <v>0</v>
      </c>
    </row>
    <row r="23" spans="1:14" ht="10.5" x14ac:dyDescent="0.2">
      <c r="A23" s="146" t="s">
        <v>15</v>
      </c>
      <c r="B23" s="697">
        <v>128398100</v>
      </c>
      <c r="C23" s="698"/>
      <c r="D23" s="697">
        <v>138684374.69999999</v>
      </c>
      <c r="E23" s="698"/>
      <c r="F23" s="697">
        <v>53121712.769999996</v>
      </c>
      <c r="G23" s="698"/>
      <c r="H23" s="423">
        <v>38.304035970102696</v>
      </c>
      <c r="I23" s="697">
        <v>94148460.379999995</v>
      </c>
      <c r="J23" s="698"/>
      <c r="K23" s="423">
        <v>67.886855014244091</v>
      </c>
      <c r="L23" s="424">
        <v>44535914.320000008</v>
      </c>
    </row>
    <row r="24" spans="1:14" ht="10.5" x14ac:dyDescent="0.2">
      <c r="A24" s="29" t="s">
        <v>16</v>
      </c>
      <c r="B24" s="697">
        <v>1176900</v>
      </c>
      <c r="C24" s="698"/>
      <c r="D24" s="697">
        <v>1176900</v>
      </c>
      <c r="E24" s="698"/>
      <c r="F24" s="697">
        <v>194998.16</v>
      </c>
      <c r="G24" s="698"/>
      <c r="H24" s="423">
        <v>16.568795989463847</v>
      </c>
      <c r="I24" s="697">
        <v>322669.74</v>
      </c>
      <c r="J24" s="698"/>
      <c r="K24" s="423">
        <v>27.41692072393576</v>
      </c>
      <c r="L24" s="424">
        <v>854230.26</v>
      </c>
    </row>
    <row r="25" spans="1:14" ht="10.5" x14ac:dyDescent="0.2">
      <c r="A25" s="29" t="s">
        <v>17</v>
      </c>
      <c r="B25" s="697">
        <v>84989500</v>
      </c>
      <c r="C25" s="698"/>
      <c r="D25" s="697">
        <v>84989500</v>
      </c>
      <c r="E25" s="698"/>
      <c r="F25" s="697">
        <v>41518604.57</v>
      </c>
      <c r="G25" s="698"/>
      <c r="H25" s="423">
        <v>48.851451732272807</v>
      </c>
      <c r="I25" s="697">
        <v>80239512.709999993</v>
      </c>
      <c r="J25" s="698"/>
      <c r="K25" s="423">
        <v>94.411089263967895</v>
      </c>
      <c r="L25" s="424">
        <v>4749987.2900000066</v>
      </c>
    </row>
    <row r="26" spans="1:14" ht="10.5" x14ac:dyDescent="0.2">
      <c r="A26" s="29" t="s">
        <v>18</v>
      </c>
      <c r="B26" s="697">
        <v>2614300</v>
      </c>
      <c r="C26" s="698"/>
      <c r="D26" s="697">
        <v>2614300</v>
      </c>
      <c r="E26" s="698"/>
      <c r="F26" s="697">
        <v>219901.37</v>
      </c>
      <c r="G26" s="698"/>
      <c r="H26" s="423">
        <v>8.4114818498259574</v>
      </c>
      <c r="I26" s="697">
        <v>330576.68</v>
      </c>
      <c r="J26" s="698"/>
      <c r="K26" s="423">
        <v>12.644940519450712</v>
      </c>
      <c r="L26" s="424">
        <v>2283723.3199999998</v>
      </c>
    </row>
    <row r="27" spans="1:14" ht="10.5" x14ac:dyDescent="0.2">
      <c r="A27" s="29" t="s">
        <v>119</v>
      </c>
      <c r="B27" s="697">
        <v>39617400</v>
      </c>
      <c r="C27" s="698"/>
      <c r="D27" s="697">
        <v>39617400</v>
      </c>
      <c r="E27" s="698"/>
      <c r="F27" s="697">
        <v>901933.97</v>
      </c>
      <c r="G27" s="698"/>
      <c r="H27" s="423">
        <v>2.2766107064067809</v>
      </c>
      <c r="I27" s="697">
        <v>2969426.55</v>
      </c>
      <c r="J27" s="698"/>
      <c r="K27" s="423">
        <v>7.495258522770297</v>
      </c>
      <c r="L27" s="424">
        <v>36647973.450000003</v>
      </c>
    </row>
    <row r="28" spans="1:14" ht="21" x14ac:dyDescent="0.2">
      <c r="A28" s="50" t="s">
        <v>369</v>
      </c>
      <c r="B28" s="697">
        <v>0</v>
      </c>
      <c r="C28" s="698"/>
      <c r="D28" s="697">
        <v>0</v>
      </c>
      <c r="E28" s="698"/>
      <c r="F28" s="697">
        <v>0</v>
      </c>
      <c r="G28" s="698"/>
      <c r="H28" s="423">
        <v>0</v>
      </c>
      <c r="I28" s="697">
        <v>0</v>
      </c>
      <c r="J28" s="698"/>
      <c r="K28" s="423">
        <v>0</v>
      </c>
      <c r="L28" s="424">
        <v>0</v>
      </c>
    </row>
    <row r="29" spans="1:14" ht="10.5" x14ac:dyDescent="0.2">
      <c r="A29" s="50" t="s">
        <v>370</v>
      </c>
      <c r="B29" s="697">
        <v>0</v>
      </c>
      <c r="C29" s="698"/>
      <c r="D29" s="697">
        <v>10286274.699999999</v>
      </c>
      <c r="E29" s="698"/>
      <c r="F29" s="697">
        <v>10286274.699999999</v>
      </c>
      <c r="G29" s="698"/>
      <c r="H29" s="423">
        <v>0</v>
      </c>
      <c r="I29" s="697">
        <v>10286274.699999999</v>
      </c>
      <c r="J29" s="698"/>
      <c r="K29" s="423">
        <v>0</v>
      </c>
      <c r="L29" s="424">
        <v>0</v>
      </c>
    </row>
    <row r="30" spans="1:14" ht="10.5" x14ac:dyDescent="0.2">
      <c r="A30" s="29" t="s">
        <v>19</v>
      </c>
      <c r="B30" s="697">
        <v>0</v>
      </c>
      <c r="C30" s="698"/>
      <c r="D30" s="697">
        <v>0</v>
      </c>
      <c r="E30" s="698"/>
      <c r="F30" s="697">
        <v>0</v>
      </c>
      <c r="G30" s="698"/>
      <c r="H30" s="423">
        <v>0</v>
      </c>
      <c r="I30" s="697">
        <v>0</v>
      </c>
      <c r="J30" s="698"/>
      <c r="K30" s="423">
        <v>0</v>
      </c>
      <c r="L30" s="424">
        <v>0</v>
      </c>
    </row>
    <row r="31" spans="1:14" ht="10.5" x14ac:dyDescent="0.2">
      <c r="A31" s="146" t="s">
        <v>20</v>
      </c>
      <c r="B31" s="697">
        <v>0</v>
      </c>
      <c r="C31" s="698"/>
      <c r="D31" s="697">
        <v>0</v>
      </c>
      <c r="E31" s="698"/>
      <c r="F31" s="697">
        <v>0</v>
      </c>
      <c r="G31" s="698"/>
      <c r="H31" s="423">
        <v>0</v>
      </c>
      <c r="I31" s="697">
        <v>0</v>
      </c>
      <c r="J31" s="698"/>
      <c r="K31" s="423">
        <v>0</v>
      </c>
      <c r="L31" s="424">
        <v>0</v>
      </c>
    </row>
    <row r="32" spans="1:14" ht="10.5" x14ac:dyDescent="0.2">
      <c r="A32" s="29" t="s">
        <v>21</v>
      </c>
      <c r="B32" s="697">
        <v>0</v>
      </c>
      <c r="C32" s="698"/>
      <c r="D32" s="697">
        <v>0</v>
      </c>
      <c r="E32" s="698"/>
      <c r="F32" s="697">
        <v>0</v>
      </c>
      <c r="G32" s="698"/>
      <c r="H32" s="423">
        <v>0</v>
      </c>
      <c r="I32" s="697">
        <v>0</v>
      </c>
      <c r="J32" s="698"/>
      <c r="K32" s="423">
        <v>0</v>
      </c>
      <c r="L32" s="424">
        <v>0</v>
      </c>
    </row>
    <row r="33" spans="1:14" ht="10.5" x14ac:dyDescent="0.2">
      <c r="A33" s="29" t="s">
        <v>22</v>
      </c>
      <c r="B33" s="697">
        <v>0</v>
      </c>
      <c r="C33" s="698"/>
      <c r="D33" s="697">
        <v>0</v>
      </c>
      <c r="E33" s="698"/>
      <c r="F33" s="697">
        <v>0</v>
      </c>
      <c r="G33" s="698"/>
      <c r="H33" s="423">
        <v>0</v>
      </c>
      <c r="I33" s="697">
        <v>0</v>
      </c>
      <c r="J33" s="698"/>
      <c r="K33" s="423">
        <v>0</v>
      </c>
      <c r="L33" s="424">
        <v>0</v>
      </c>
    </row>
    <row r="34" spans="1:14" ht="10.5" x14ac:dyDescent="0.2">
      <c r="A34" s="29" t="s">
        <v>23</v>
      </c>
      <c r="B34" s="697">
        <v>0</v>
      </c>
      <c r="C34" s="698"/>
      <c r="D34" s="697">
        <v>0</v>
      </c>
      <c r="E34" s="698"/>
      <c r="F34" s="697">
        <v>0</v>
      </c>
      <c r="G34" s="698"/>
      <c r="H34" s="423">
        <v>0</v>
      </c>
      <c r="I34" s="697">
        <v>0</v>
      </c>
      <c r="J34" s="698"/>
      <c r="K34" s="423">
        <v>0</v>
      </c>
      <c r="L34" s="424">
        <v>0</v>
      </c>
    </row>
    <row r="35" spans="1:14" ht="10.5" x14ac:dyDescent="0.2">
      <c r="A35" s="146" t="s">
        <v>24</v>
      </c>
      <c r="B35" s="697">
        <v>0</v>
      </c>
      <c r="C35" s="698"/>
      <c r="D35" s="697">
        <v>0</v>
      </c>
      <c r="E35" s="698"/>
      <c r="F35" s="697">
        <v>0</v>
      </c>
      <c r="G35" s="698"/>
      <c r="H35" s="423">
        <v>0</v>
      </c>
      <c r="I35" s="697">
        <v>0</v>
      </c>
      <c r="J35" s="698"/>
      <c r="K35" s="423">
        <v>0</v>
      </c>
      <c r="L35" s="424">
        <v>0</v>
      </c>
    </row>
    <row r="36" spans="1:14" ht="10.5" x14ac:dyDescent="0.2">
      <c r="A36" s="29" t="s">
        <v>371</v>
      </c>
      <c r="B36" s="697">
        <v>0</v>
      </c>
      <c r="C36" s="698"/>
      <c r="D36" s="697">
        <v>0</v>
      </c>
      <c r="E36" s="698"/>
      <c r="F36" s="697">
        <v>0</v>
      </c>
      <c r="G36" s="698"/>
      <c r="H36" s="423">
        <v>0</v>
      </c>
      <c r="I36" s="697">
        <v>0</v>
      </c>
      <c r="J36" s="698"/>
      <c r="K36" s="423">
        <v>0</v>
      </c>
      <c r="L36" s="424">
        <v>0</v>
      </c>
    </row>
    <row r="37" spans="1:14" ht="10.5" x14ac:dyDescent="0.2">
      <c r="A37" s="29" t="s">
        <v>25</v>
      </c>
      <c r="B37" s="697">
        <v>0</v>
      </c>
      <c r="C37" s="698"/>
      <c r="D37" s="697">
        <v>0</v>
      </c>
      <c r="E37" s="698"/>
      <c r="F37" s="697">
        <v>0</v>
      </c>
      <c r="G37" s="698"/>
      <c r="H37" s="423">
        <v>0</v>
      </c>
      <c r="I37" s="697">
        <v>0</v>
      </c>
      <c r="J37" s="698"/>
      <c r="K37" s="423">
        <v>0</v>
      </c>
      <c r="L37" s="424">
        <v>0</v>
      </c>
    </row>
    <row r="38" spans="1:14" ht="10.5" x14ac:dyDescent="0.2">
      <c r="A38" s="29" t="s">
        <v>26</v>
      </c>
      <c r="B38" s="697">
        <v>0</v>
      </c>
      <c r="C38" s="698"/>
      <c r="D38" s="697">
        <v>0</v>
      </c>
      <c r="E38" s="698"/>
      <c r="F38" s="697">
        <v>0</v>
      </c>
      <c r="G38" s="698"/>
      <c r="H38" s="423">
        <v>0</v>
      </c>
      <c r="I38" s="697">
        <v>0</v>
      </c>
      <c r="J38" s="698"/>
      <c r="K38" s="423">
        <v>0</v>
      </c>
      <c r="L38" s="424">
        <v>0</v>
      </c>
    </row>
    <row r="39" spans="1:14" ht="10.5" x14ac:dyDescent="0.2">
      <c r="A39" s="51" t="s">
        <v>27</v>
      </c>
      <c r="B39" s="697">
        <v>0</v>
      </c>
      <c r="C39" s="698"/>
      <c r="D39" s="697">
        <v>0</v>
      </c>
      <c r="E39" s="698"/>
      <c r="F39" s="697">
        <v>0</v>
      </c>
      <c r="G39" s="698"/>
      <c r="H39" s="423">
        <v>0</v>
      </c>
      <c r="I39" s="697">
        <v>0</v>
      </c>
      <c r="J39" s="698"/>
      <c r="K39" s="423">
        <v>0</v>
      </c>
      <c r="L39" s="424">
        <v>0</v>
      </c>
    </row>
    <row r="40" spans="1:14" ht="10.5" x14ac:dyDescent="0.2">
      <c r="A40" s="146" t="s">
        <v>28</v>
      </c>
      <c r="B40" s="697">
        <v>530646800</v>
      </c>
      <c r="C40" s="698"/>
      <c r="D40" s="697">
        <v>530646800</v>
      </c>
      <c r="E40" s="698"/>
      <c r="F40" s="697">
        <v>79217791.730000004</v>
      </c>
      <c r="G40" s="698"/>
      <c r="H40" s="423">
        <v>14.928534710847217</v>
      </c>
      <c r="I40" s="697">
        <v>145162486.47999999</v>
      </c>
      <c r="J40" s="698"/>
      <c r="K40" s="423">
        <v>27.355764037397378</v>
      </c>
      <c r="L40" s="424">
        <v>385484313.51999998</v>
      </c>
    </row>
    <row r="41" spans="1:14" ht="10.5" x14ac:dyDescent="0.2">
      <c r="A41" s="146" t="s">
        <v>29</v>
      </c>
      <c r="B41" s="697">
        <v>2843659400</v>
      </c>
      <c r="C41" s="698"/>
      <c r="D41" s="697">
        <v>2843659400</v>
      </c>
      <c r="E41" s="698"/>
      <c r="F41" s="697">
        <v>434769166.98000002</v>
      </c>
      <c r="G41" s="698"/>
      <c r="H41" s="423">
        <v>15.289073191395566</v>
      </c>
      <c r="I41" s="697">
        <v>888867776.88999999</v>
      </c>
      <c r="J41" s="698"/>
      <c r="K41" s="423">
        <v>31.257884713267696</v>
      </c>
      <c r="L41" s="424">
        <v>1954791623.1099999</v>
      </c>
      <c r="M41" s="56"/>
      <c r="N41" s="56"/>
    </row>
    <row r="42" spans="1:14" ht="10.5" x14ac:dyDescent="0.2">
      <c r="A42" s="29" t="s">
        <v>30</v>
      </c>
      <c r="B42" s="697">
        <v>2270031000</v>
      </c>
      <c r="C42" s="698"/>
      <c r="D42" s="697">
        <v>2270031000</v>
      </c>
      <c r="E42" s="698"/>
      <c r="F42" s="697">
        <v>337507499.86000001</v>
      </c>
      <c r="G42" s="698"/>
      <c r="H42" s="423">
        <v>14.867968757254857</v>
      </c>
      <c r="I42" s="697">
        <v>727041168.73000002</v>
      </c>
      <c r="J42" s="698"/>
      <c r="K42" s="423">
        <v>32.027807934340984</v>
      </c>
      <c r="L42" s="424">
        <v>1542989831.27</v>
      </c>
    </row>
    <row r="43" spans="1:14" ht="10.5" x14ac:dyDescent="0.2">
      <c r="A43" s="29" t="s">
        <v>31</v>
      </c>
      <c r="B43" s="697">
        <v>409876700</v>
      </c>
      <c r="C43" s="698"/>
      <c r="D43" s="697">
        <v>409876700</v>
      </c>
      <c r="E43" s="698"/>
      <c r="F43" s="697">
        <v>92795531.650000006</v>
      </c>
      <c r="G43" s="698"/>
      <c r="H43" s="423">
        <v>22.639865025262477</v>
      </c>
      <c r="I43" s="697">
        <v>154620520.38</v>
      </c>
      <c r="J43" s="698"/>
      <c r="K43" s="423">
        <v>37.72366674660941</v>
      </c>
      <c r="L43" s="424">
        <v>255256179.62</v>
      </c>
    </row>
    <row r="44" spans="1:14" ht="10.5" x14ac:dyDescent="0.2">
      <c r="A44" s="29" t="s">
        <v>32</v>
      </c>
      <c r="B44" s="697">
        <v>0</v>
      </c>
      <c r="C44" s="698"/>
      <c r="D44" s="697">
        <v>0</v>
      </c>
      <c r="E44" s="698"/>
      <c r="F44" s="697">
        <v>0</v>
      </c>
      <c r="G44" s="698"/>
      <c r="H44" s="423">
        <v>0</v>
      </c>
      <c r="I44" s="697">
        <v>0</v>
      </c>
      <c r="J44" s="698"/>
      <c r="K44" s="423">
        <v>0</v>
      </c>
      <c r="L44" s="424">
        <v>0</v>
      </c>
    </row>
    <row r="45" spans="1:14" ht="10.5" x14ac:dyDescent="0.2">
      <c r="A45" s="29" t="s">
        <v>33</v>
      </c>
      <c r="B45" s="697">
        <v>100000</v>
      </c>
      <c r="C45" s="698"/>
      <c r="D45" s="697">
        <v>100000</v>
      </c>
      <c r="E45" s="698"/>
      <c r="F45" s="697">
        <v>0</v>
      </c>
      <c r="G45" s="698"/>
      <c r="H45" s="423">
        <v>0</v>
      </c>
      <c r="I45" s="697">
        <v>0</v>
      </c>
      <c r="J45" s="698"/>
      <c r="K45" s="423">
        <v>0</v>
      </c>
      <c r="L45" s="424">
        <v>100000</v>
      </c>
    </row>
    <row r="46" spans="1:14" ht="10.5" x14ac:dyDescent="0.2">
      <c r="A46" s="29" t="s">
        <v>34</v>
      </c>
      <c r="B46" s="697">
        <v>163651700</v>
      </c>
      <c r="C46" s="698"/>
      <c r="D46" s="697">
        <v>163651700</v>
      </c>
      <c r="E46" s="698"/>
      <c r="F46" s="697">
        <v>4466135.47</v>
      </c>
      <c r="G46" s="698"/>
      <c r="H46" s="423">
        <v>2.7290492368854098</v>
      </c>
      <c r="I46" s="697">
        <v>7206087.7800000003</v>
      </c>
      <c r="J46" s="698"/>
      <c r="K46" s="423">
        <v>4.4033076222245171</v>
      </c>
      <c r="L46" s="424">
        <v>156445612.22</v>
      </c>
    </row>
    <row r="47" spans="1:14" ht="10.5" x14ac:dyDescent="0.2">
      <c r="A47" s="52" t="s">
        <v>35</v>
      </c>
      <c r="B47" s="697">
        <v>0</v>
      </c>
      <c r="C47" s="698"/>
      <c r="D47" s="697">
        <v>0</v>
      </c>
      <c r="E47" s="698"/>
      <c r="F47" s="697">
        <v>0</v>
      </c>
      <c r="G47" s="698"/>
      <c r="H47" s="423">
        <v>0</v>
      </c>
      <c r="I47" s="697">
        <v>0</v>
      </c>
      <c r="J47" s="698"/>
      <c r="K47" s="423">
        <v>0</v>
      </c>
      <c r="L47" s="424">
        <v>0</v>
      </c>
    </row>
    <row r="48" spans="1:14" ht="10.5" x14ac:dyDescent="0.2">
      <c r="A48" s="146" t="s">
        <v>36</v>
      </c>
      <c r="B48" s="697">
        <v>208631300</v>
      </c>
      <c r="C48" s="698"/>
      <c r="D48" s="697">
        <v>208631300</v>
      </c>
      <c r="E48" s="698"/>
      <c r="F48" s="697">
        <v>27977336.590000004</v>
      </c>
      <c r="G48" s="698"/>
      <c r="H48" s="423">
        <v>13.409942127571464</v>
      </c>
      <c r="I48" s="697">
        <v>45215753.210000001</v>
      </c>
      <c r="J48" s="698"/>
      <c r="K48" s="423">
        <v>21.672564572046475</v>
      </c>
      <c r="L48" s="424">
        <v>163415546.78999999</v>
      </c>
    </row>
    <row r="49" spans="1:14" ht="10.5" x14ac:dyDescent="0.2">
      <c r="A49" s="29" t="s">
        <v>37</v>
      </c>
      <c r="B49" s="697">
        <v>81916100</v>
      </c>
      <c r="C49" s="698"/>
      <c r="D49" s="697">
        <v>81916100</v>
      </c>
      <c r="E49" s="698"/>
      <c r="F49" s="697">
        <v>12971583.380000001</v>
      </c>
      <c r="G49" s="698"/>
      <c r="H49" s="423">
        <v>15.835206241508082</v>
      </c>
      <c r="I49" s="697">
        <v>23618966.260000002</v>
      </c>
      <c r="J49" s="698"/>
      <c r="K49" s="423">
        <v>28.833118593292404</v>
      </c>
      <c r="L49" s="424">
        <v>58297133.739999995</v>
      </c>
    </row>
    <row r="50" spans="1:14" ht="10.5" x14ac:dyDescent="0.2">
      <c r="A50" s="29" t="s">
        <v>38</v>
      </c>
      <c r="B50" s="697">
        <v>64857700</v>
      </c>
      <c r="C50" s="698"/>
      <c r="D50" s="697">
        <v>64857700</v>
      </c>
      <c r="E50" s="698"/>
      <c r="F50" s="697">
        <v>12035637.960000001</v>
      </c>
      <c r="G50" s="698"/>
      <c r="H50" s="423">
        <v>18.556991629367062</v>
      </c>
      <c r="I50" s="697">
        <v>16145523.300000001</v>
      </c>
      <c r="J50" s="698"/>
      <c r="K50" s="423">
        <v>24.893764811271446</v>
      </c>
      <c r="L50" s="424">
        <v>48712176.700000003</v>
      </c>
    </row>
    <row r="51" spans="1:14" ht="10.5" x14ac:dyDescent="0.2">
      <c r="A51" s="29" t="s">
        <v>39</v>
      </c>
      <c r="B51" s="697">
        <v>18075800</v>
      </c>
      <c r="C51" s="698"/>
      <c r="D51" s="697">
        <v>18075800</v>
      </c>
      <c r="E51" s="698"/>
      <c r="F51" s="697">
        <v>1762393.67</v>
      </c>
      <c r="G51" s="698"/>
      <c r="H51" s="423">
        <v>9.7500175372597617</v>
      </c>
      <c r="I51" s="697">
        <v>3234069.11</v>
      </c>
      <c r="J51" s="698"/>
      <c r="K51" s="423">
        <v>17.891706646455482</v>
      </c>
      <c r="L51" s="424">
        <v>14841730.890000001</v>
      </c>
    </row>
    <row r="52" spans="1:14" ht="21" x14ac:dyDescent="0.2">
      <c r="A52" s="50" t="s">
        <v>372</v>
      </c>
      <c r="B52" s="697">
        <v>0</v>
      </c>
      <c r="C52" s="698"/>
      <c r="D52" s="697">
        <v>0</v>
      </c>
      <c r="E52" s="698"/>
      <c r="F52" s="697">
        <v>0</v>
      </c>
      <c r="G52" s="698"/>
      <c r="H52" s="423">
        <v>0</v>
      </c>
      <c r="I52" s="697">
        <v>0</v>
      </c>
      <c r="J52" s="698"/>
      <c r="K52" s="423">
        <v>0</v>
      </c>
      <c r="L52" s="424">
        <v>0</v>
      </c>
    </row>
    <row r="53" spans="1:14" ht="10.5" x14ac:dyDescent="0.2">
      <c r="A53" s="52" t="s">
        <v>54</v>
      </c>
      <c r="B53" s="697">
        <v>43781700</v>
      </c>
      <c r="C53" s="698"/>
      <c r="D53" s="697">
        <v>43781700</v>
      </c>
      <c r="E53" s="698"/>
      <c r="F53" s="697">
        <v>1207721.58</v>
      </c>
      <c r="G53" s="698"/>
      <c r="H53" s="423">
        <v>2.7585077326828333</v>
      </c>
      <c r="I53" s="697">
        <v>2217194.54</v>
      </c>
      <c r="J53" s="698"/>
      <c r="K53" s="423">
        <v>5.0642038568625702</v>
      </c>
      <c r="L53" s="424">
        <v>41564505.460000001</v>
      </c>
    </row>
    <row r="54" spans="1:14" ht="10.5" x14ac:dyDescent="0.2">
      <c r="A54" s="146" t="s">
        <v>40</v>
      </c>
      <c r="B54" s="709">
        <v>908659900</v>
      </c>
      <c r="C54" s="710"/>
      <c r="D54" s="709">
        <v>908670831.20000005</v>
      </c>
      <c r="E54" s="710"/>
      <c r="F54" s="709">
        <v>103055105.23999999</v>
      </c>
      <c r="G54" s="710"/>
      <c r="H54" s="421">
        <v>11.34130222975292</v>
      </c>
      <c r="I54" s="709">
        <v>192273114.87</v>
      </c>
      <c r="J54" s="710"/>
      <c r="K54" s="421">
        <v>21.15982028564537</v>
      </c>
      <c r="L54" s="475">
        <v>716397716.32999992</v>
      </c>
    </row>
    <row r="55" spans="1:14" ht="10.5" x14ac:dyDescent="0.2">
      <c r="A55" s="146" t="s">
        <v>41</v>
      </c>
      <c r="B55" s="697">
        <v>16304000</v>
      </c>
      <c r="C55" s="698"/>
      <c r="D55" s="697">
        <v>16304000</v>
      </c>
      <c r="E55" s="698"/>
      <c r="F55" s="697">
        <v>0</v>
      </c>
      <c r="G55" s="698"/>
      <c r="H55" s="423">
        <v>0</v>
      </c>
      <c r="I55" s="697">
        <v>0</v>
      </c>
      <c r="J55" s="698"/>
      <c r="K55" s="423">
        <v>0</v>
      </c>
      <c r="L55" s="424">
        <v>16304000</v>
      </c>
    </row>
    <row r="56" spans="1:14" ht="10.5" x14ac:dyDescent="0.2">
      <c r="A56" s="29" t="s">
        <v>42</v>
      </c>
      <c r="B56" s="697">
        <v>13104000</v>
      </c>
      <c r="C56" s="698"/>
      <c r="D56" s="697">
        <v>13104000</v>
      </c>
      <c r="E56" s="698"/>
      <c r="F56" s="697">
        <v>0</v>
      </c>
      <c r="G56" s="698"/>
      <c r="H56" s="423">
        <v>0</v>
      </c>
      <c r="I56" s="697">
        <v>0</v>
      </c>
      <c r="J56" s="698"/>
      <c r="K56" s="423">
        <v>0</v>
      </c>
      <c r="L56" s="424">
        <v>13104000</v>
      </c>
    </row>
    <row r="57" spans="1:14" ht="10.5" x14ac:dyDescent="0.2">
      <c r="A57" s="29" t="s">
        <v>43</v>
      </c>
      <c r="B57" s="697">
        <v>3200000</v>
      </c>
      <c r="C57" s="698"/>
      <c r="D57" s="697">
        <v>3200000</v>
      </c>
      <c r="E57" s="698"/>
      <c r="F57" s="697">
        <v>0</v>
      </c>
      <c r="G57" s="698"/>
      <c r="H57" s="423">
        <v>0</v>
      </c>
      <c r="I57" s="697">
        <v>0</v>
      </c>
      <c r="J57" s="698"/>
      <c r="K57" s="423">
        <v>0</v>
      </c>
      <c r="L57" s="424">
        <v>3200000</v>
      </c>
    </row>
    <row r="58" spans="1:14" ht="10.5" x14ac:dyDescent="0.2">
      <c r="A58" s="146" t="s">
        <v>44</v>
      </c>
      <c r="B58" s="697">
        <v>8513000</v>
      </c>
      <c r="C58" s="698"/>
      <c r="D58" s="697">
        <v>8513000</v>
      </c>
      <c r="E58" s="698"/>
      <c r="F58" s="697">
        <v>206315</v>
      </c>
      <c r="G58" s="698"/>
      <c r="H58" s="423">
        <v>2.4235287207799834</v>
      </c>
      <c r="I58" s="697">
        <v>266672.44</v>
      </c>
      <c r="J58" s="698"/>
      <c r="K58" s="423">
        <v>3.1325318923998591</v>
      </c>
      <c r="L58" s="424">
        <v>8246327.5599999996</v>
      </c>
      <c r="M58" s="56"/>
      <c r="N58" s="56"/>
    </row>
    <row r="59" spans="1:14" ht="10.5" x14ac:dyDescent="0.2">
      <c r="A59" s="29" t="s">
        <v>45</v>
      </c>
      <c r="B59" s="697">
        <v>2206000</v>
      </c>
      <c r="C59" s="698"/>
      <c r="D59" s="697">
        <v>2206000</v>
      </c>
      <c r="E59" s="698"/>
      <c r="F59" s="697">
        <v>59898.58</v>
      </c>
      <c r="G59" s="698"/>
      <c r="H59" s="423">
        <v>2.715257479601088</v>
      </c>
      <c r="I59" s="697">
        <v>59898.58</v>
      </c>
      <c r="J59" s="698"/>
      <c r="K59" s="423">
        <v>2.715257479601088</v>
      </c>
      <c r="L59" s="424">
        <v>2146101.42</v>
      </c>
    </row>
    <row r="60" spans="1:14" ht="10.5" x14ac:dyDescent="0.2">
      <c r="A60" s="29" t="s">
        <v>46</v>
      </c>
      <c r="B60" s="697">
        <v>6307000</v>
      </c>
      <c r="C60" s="698"/>
      <c r="D60" s="697">
        <v>6307000</v>
      </c>
      <c r="E60" s="698"/>
      <c r="F60" s="697">
        <v>146416.42000000001</v>
      </c>
      <c r="G60" s="698"/>
      <c r="H60" s="423">
        <v>2.3214907245917238</v>
      </c>
      <c r="I60" s="697">
        <v>206773.86</v>
      </c>
      <c r="J60" s="698"/>
      <c r="K60" s="423">
        <v>3.2784820041224036</v>
      </c>
      <c r="L60" s="424">
        <v>6100226.1399999997</v>
      </c>
    </row>
    <row r="61" spans="1:14" ht="10.5" x14ac:dyDescent="0.2">
      <c r="A61" s="146" t="s">
        <v>47</v>
      </c>
      <c r="B61" s="697">
        <v>2430000</v>
      </c>
      <c r="C61" s="698"/>
      <c r="D61" s="697">
        <v>2430000</v>
      </c>
      <c r="E61" s="698"/>
      <c r="F61" s="697">
        <v>771952.48</v>
      </c>
      <c r="G61" s="698"/>
      <c r="H61" s="423">
        <v>31.767591769547327</v>
      </c>
      <c r="I61" s="697">
        <v>1387150.62</v>
      </c>
      <c r="J61" s="698"/>
      <c r="K61" s="423">
        <v>57.084387654320992</v>
      </c>
      <c r="L61" s="424">
        <v>1042849.3799999999</v>
      </c>
    </row>
    <row r="62" spans="1:14" ht="10.5" x14ac:dyDescent="0.2">
      <c r="A62" s="146" t="s">
        <v>48</v>
      </c>
      <c r="B62" s="697">
        <v>881412900</v>
      </c>
      <c r="C62" s="698"/>
      <c r="D62" s="697">
        <v>881412900</v>
      </c>
      <c r="E62" s="698"/>
      <c r="F62" s="697">
        <v>102066931.19</v>
      </c>
      <c r="G62" s="698"/>
      <c r="H62" s="423">
        <v>11.579922552755921</v>
      </c>
      <c r="I62" s="697">
        <v>190608360.61000001</v>
      </c>
      <c r="J62" s="698"/>
      <c r="K62" s="423">
        <v>21.625320052610984</v>
      </c>
      <c r="L62" s="424">
        <v>690804539.38999999</v>
      </c>
      <c r="M62" s="56"/>
      <c r="N62" s="56"/>
    </row>
    <row r="63" spans="1:14" ht="10.5" x14ac:dyDescent="0.2">
      <c r="A63" s="29" t="s">
        <v>30</v>
      </c>
      <c r="B63" s="697">
        <v>84654100</v>
      </c>
      <c r="C63" s="698"/>
      <c r="D63" s="697">
        <v>84654100</v>
      </c>
      <c r="E63" s="698"/>
      <c r="F63" s="697">
        <v>846929.84</v>
      </c>
      <c r="G63" s="698"/>
      <c r="H63" s="423">
        <v>1.0004593280183711</v>
      </c>
      <c r="I63" s="697">
        <v>846929.84</v>
      </c>
      <c r="J63" s="698"/>
      <c r="K63" s="423">
        <v>1.0004593280183711</v>
      </c>
      <c r="L63" s="424">
        <v>83807170.159999996</v>
      </c>
    </row>
    <row r="64" spans="1:14" ht="10.5" x14ac:dyDescent="0.2">
      <c r="A64" s="29" t="s">
        <v>31</v>
      </c>
      <c r="B64" s="697">
        <v>483607000</v>
      </c>
      <c r="C64" s="698"/>
      <c r="D64" s="697">
        <v>483607000</v>
      </c>
      <c r="E64" s="698"/>
      <c r="F64" s="697">
        <v>91807227.799999997</v>
      </c>
      <c r="G64" s="698"/>
      <c r="H64" s="423">
        <v>18.983850068340615</v>
      </c>
      <c r="I64" s="697">
        <v>168032873.24000001</v>
      </c>
      <c r="J64" s="698"/>
      <c r="K64" s="423">
        <v>34.745748767077401</v>
      </c>
      <c r="L64" s="424">
        <v>315574126.75999999</v>
      </c>
    </row>
    <row r="65" spans="1:14" ht="10.5" x14ac:dyDescent="0.2">
      <c r="A65" s="29" t="s">
        <v>32</v>
      </c>
      <c r="B65" s="697">
        <v>0</v>
      </c>
      <c r="C65" s="698"/>
      <c r="D65" s="697">
        <v>0</v>
      </c>
      <c r="E65" s="698"/>
      <c r="F65" s="697">
        <v>0</v>
      </c>
      <c r="G65" s="698"/>
      <c r="H65" s="423">
        <v>0</v>
      </c>
      <c r="I65" s="697">
        <v>0</v>
      </c>
      <c r="J65" s="698"/>
      <c r="K65" s="423">
        <v>0</v>
      </c>
      <c r="L65" s="424">
        <v>0</v>
      </c>
    </row>
    <row r="66" spans="1:14" ht="10.5" x14ac:dyDescent="0.2">
      <c r="A66" s="29" t="s">
        <v>33</v>
      </c>
      <c r="B66" s="697">
        <v>0</v>
      </c>
      <c r="C66" s="698"/>
      <c r="D66" s="697">
        <v>0</v>
      </c>
      <c r="E66" s="698"/>
      <c r="F66" s="697">
        <v>0</v>
      </c>
      <c r="G66" s="698"/>
      <c r="H66" s="423">
        <v>0</v>
      </c>
      <c r="I66" s="697">
        <v>0</v>
      </c>
      <c r="J66" s="698"/>
      <c r="K66" s="423">
        <v>0</v>
      </c>
      <c r="L66" s="424">
        <v>0</v>
      </c>
    </row>
    <row r="67" spans="1:14" ht="10.5" x14ac:dyDescent="0.2">
      <c r="A67" s="53" t="s">
        <v>49</v>
      </c>
      <c r="B67" s="697">
        <v>0</v>
      </c>
      <c r="C67" s="698"/>
      <c r="D67" s="697">
        <v>0</v>
      </c>
      <c r="E67" s="698"/>
      <c r="F67" s="697">
        <v>0</v>
      </c>
      <c r="G67" s="698"/>
      <c r="H67" s="423">
        <v>0</v>
      </c>
      <c r="I67" s="697">
        <v>0</v>
      </c>
      <c r="J67" s="698"/>
      <c r="K67" s="423">
        <v>0</v>
      </c>
      <c r="L67" s="424">
        <v>0</v>
      </c>
    </row>
    <row r="68" spans="1:14" ht="10.5" x14ac:dyDescent="0.2">
      <c r="A68" s="53" t="s">
        <v>34</v>
      </c>
      <c r="B68" s="697">
        <v>313151800</v>
      </c>
      <c r="C68" s="698"/>
      <c r="D68" s="697">
        <v>313151800</v>
      </c>
      <c r="E68" s="698"/>
      <c r="F68" s="697">
        <v>9412773.5500000007</v>
      </c>
      <c r="G68" s="698"/>
      <c r="H68" s="423">
        <v>3.0058181207963681</v>
      </c>
      <c r="I68" s="697">
        <v>21728557.530000001</v>
      </c>
      <c r="J68" s="698"/>
      <c r="K68" s="423">
        <v>6.9386660175671997</v>
      </c>
      <c r="L68" s="424">
        <v>291423242.47000003</v>
      </c>
    </row>
    <row r="69" spans="1:14" ht="10.5" x14ac:dyDescent="0.2">
      <c r="A69" s="53" t="s">
        <v>35</v>
      </c>
      <c r="B69" s="697">
        <v>0</v>
      </c>
      <c r="C69" s="698"/>
      <c r="D69" s="697">
        <v>0</v>
      </c>
      <c r="E69" s="698"/>
      <c r="F69" s="697">
        <v>0</v>
      </c>
      <c r="G69" s="698"/>
      <c r="H69" s="423">
        <v>0</v>
      </c>
      <c r="I69" s="697">
        <v>0</v>
      </c>
      <c r="J69" s="698"/>
      <c r="K69" s="423">
        <v>0</v>
      </c>
      <c r="L69" s="424">
        <v>0</v>
      </c>
    </row>
    <row r="70" spans="1:14" ht="10.5" x14ac:dyDescent="0.2">
      <c r="A70" s="146" t="s">
        <v>50</v>
      </c>
      <c r="B70" s="697">
        <v>0</v>
      </c>
      <c r="C70" s="698"/>
      <c r="D70" s="697">
        <v>10931.2</v>
      </c>
      <c r="E70" s="698"/>
      <c r="F70" s="697">
        <v>9906.57</v>
      </c>
      <c r="G70" s="698"/>
      <c r="H70" s="423">
        <v>0</v>
      </c>
      <c r="I70" s="697">
        <v>10931.2</v>
      </c>
      <c r="J70" s="698"/>
      <c r="K70" s="423">
        <v>0</v>
      </c>
      <c r="L70" s="424">
        <v>0</v>
      </c>
    </row>
    <row r="71" spans="1:14" ht="10.5" x14ac:dyDescent="0.2">
      <c r="A71" s="29" t="s">
        <v>51</v>
      </c>
      <c r="B71" s="697">
        <v>0</v>
      </c>
      <c r="C71" s="698"/>
      <c r="D71" s="697">
        <v>10931.2</v>
      </c>
      <c r="E71" s="698"/>
      <c r="F71" s="697">
        <v>9906.57</v>
      </c>
      <c r="G71" s="698"/>
      <c r="H71" s="423">
        <v>0</v>
      </c>
      <c r="I71" s="697">
        <v>10931.2</v>
      </c>
      <c r="J71" s="698"/>
      <c r="K71" s="423">
        <v>0</v>
      </c>
      <c r="L71" s="424">
        <v>0</v>
      </c>
    </row>
    <row r="72" spans="1:14" ht="10.5" x14ac:dyDescent="0.2">
      <c r="A72" s="54" t="s">
        <v>52</v>
      </c>
      <c r="B72" s="697">
        <v>0</v>
      </c>
      <c r="C72" s="698"/>
      <c r="D72" s="697">
        <v>0</v>
      </c>
      <c r="E72" s="698"/>
      <c r="F72" s="697">
        <v>0</v>
      </c>
      <c r="G72" s="698"/>
      <c r="H72" s="423">
        <v>0</v>
      </c>
      <c r="I72" s="697">
        <v>0</v>
      </c>
      <c r="J72" s="698"/>
      <c r="K72" s="423">
        <v>0</v>
      </c>
      <c r="L72" s="424">
        <v>0</v>
      </c>
    </row>
    <row r="73" spans="1:14" ht="10.5" x14ac:dyDescent="0.2">
      <c r="A73" s="53" t="s">
        <v>53</v>
      </c>
      <c r="B73" s="697">
        <v>0</v>
      </c>
      <c r="C73" s="698"/>
      <c r="D73" s="697">
        <v>0</v>
      </c>
      <c r="E73" s="698"/>
      <c r="F73" s="697">
        <v>0</v>
      </c>
      <c r="G73" s="698"/>
      <c r="H73" s="423">
        <v>0</v>
      </c>
      <c r="I73" s="697">
        <v>0</v>
      </c>
      <c r="J73" s="698"/>
      <c r="K73" s="423">
        <v>0</v>
      </c>
      <c r="L73" s="424">
        <v>0</v>
      </c>
    </row>
    <row r="74" spans="1:14" ht="10.5" x14ac:dyDescent="0.2">
      <c r="A74" s="147" t="s">
        <v>82</v>
      </c>
      <c r="B74" s="703">
        <v>1078931200</v>
      </c>
      <c r="C74" s="704"/>
      <c r="D74" s="703">
        <v>1178400725.6199999</v>
      </c>
      <c r="E74" s="704"/>
      <c r="F74" s="703">
        <v>182580240.56</v>
      </c>
      <c r="G74" s="704"/>
      <c r="H74" s="421">
        <v>15.493900893852372</v>
      </c>
      <c r="I74" s="703">
        <v>339222579.80000001</v>
      </c>
      <c r="J74" s="704"/>
      <c r="K74" s="421">
        <v>28.786691354209964</v>
      </c>
      <c r="L74" s="422">
        <v>839178145.81999993</v>
      </c>
    </row>
    <row r="75" spans="1:14" ht="10.5" x14ac:dyDescent="0.2">
      <c r="A75" s="148" t="s">
        <v>83</v>
      </c>
      <c r="B75" s="705">
        <v>13926525000</v>
      </c>
      <c r="C75" s="706"/>
      <c r="D75" s="705">
        <v>14036291731.52</v>
      </c>
      <c r="E75" s="706"/>
      <c r="F75" s="705">
        <v>1910898241.5</v>
      </c>
      <c r="G75" s="706"/>
      <c r="H75" s="428">
        <v>13.613982083379423</v>
      </c>
      <c r="I75" s="705">
        <v>3812094808.0699997</v>
      </c>
      <c r="J75" s="706"/>
      <c r="K75" s="429">
        <v>27.158845662273684</v>
      </c>
      <c r="L75" s="430">
        <v>10224196923.450001</v>
      </c>
      <c r="M75" s="297"/>
    </row>
    <row r="76" spans="1:14" ht="10.5" x14ac:dyDescent="0.2">
      <c r="A76" s="298" t="s">
        <v>360</v>
      </c>
      <c r="B76" s="701"/>
      <c r="C76" s="702"/>
      <c r="D76" s="701"/>
      <c r="E76" s="702"/>
      <c r="F76" s="701"/>
      <c r="G76" s="702"/>
      <c r="H76" s="431">
        <v>0</v>
      </c>
      <c r="I76" s="701"/>
      <c r="J76" s="702"/>
      <c r="K76" s="470">
        <v>0</v>
      </c>
      <c r="L76" s="470"/>
      <c r="N76" s="633"/>
    </row>
    <row r="77" spans="1:14" ht="10.5" x14ac:dyDescent="0.2">
      <c r="A77" s="146" t="s">
        <v>309</v>
      </c>
      <c r="B77" s="707"/>
      <c r="C77" s="708"/>
      <c r="D77" s="707"/>
      <c r="E77" s="708"/>
      <c r="F77" s="707"/>
      <c r="G77" s="708"/>
      <c r="H77" s="424">
        <v>0</v>
      </c>
      <c r="I77" s="707"/>
      <c r="J77" s="708"/>
      <c r="K77" s="473">
        <v>0</v>
      </c>
      <c r="L77" s="473"/>
      <c r="N77" s="633"/>
    </row>
    <row r="78" spans="1:14" ht="10.5" x14ac:dyDescent="0.2">
      <c r="A78" s="29" t="s">
        <v>55</v>
      </c>
      <c r="B78" s="697"/>
      <c r="C78" s="698"/>
      <c r="D78" s="697"/>
      <c r="E78" s="698"/>
      <c r="F78" s="697"/>
      <c r="G78" s="698"/>
      <c r="H78" s="424">
        <v>0</v>
      </c>
      <c r="I78" s="697"/>
      <c r="J78" s="698"/>
      <c r="K78" s="473">
        <v>0</v>
      </c>
      <c r="L78" s="473"/>
      <c r="N78" s="456"/>
    </row>
    <row r="79" spans="1:14" ht="10.5" x14ac:dyDescent="0.2">
      <c r="A79" s="55" t="s">
        <v>56</v>
      </c>
      <c r="B79" s="697"/>
      <c r="C79" s="698"/>
      <c r="D79" s="697"/>
      <c r="E79" s="698"/>
      <c r="F79" s="697"/>
      <c r="G79" s="698"/>
      <c r="H79" s="424">
        <v>0</v>
      </c>
      <c r="I79" s="697"/>
      <c r="J79" s="698"/>
      <c r="K79" s="473">
        <v>0</v>
      </c>
      <c r="L79" s="473"/>
    </row>
    <row r="80" spans="1:14" ht="10.5" x14ac:dyDescent="0.2">
      <c r="A80" s="146" t="s">
        <v>310</v>
      </c>
      <c r="B80" s="697"/>
      <c r="C80" s="698"/>
      <c r="D80" s="697"/>
      <c r="E80" s="698"/>
      <c r="F80" s="697"/>
      <c r="G80" s="698"/>
      <c r="H80" s="424">
        <v>0</v>
      </c>
      <c r="I80" s="697"/>
      <c r="J80" s="698"/>
      <c r="K80" s="473">
        <v>0</v>
      </c>
      <c r="L80" s="473"/>
    </row>
    <row r="81" spans="1:13" ht="10.5" x14ac:dyDescent="0.2">
      <c r="A81" s="29" t="s">
        <v>55</v>
      </c>
      <c r="B81" s="697"/>
      <c r="C81" s="698"/>
      <c r="D81" s="697"/>
      <c r="E81" s="698"/>
      <c r="F81" s="697"/>
      <c r="G81" s="698"/>
      <c r="H81" s="424">
        <v>0</v>
      </c>
      <c r="I81" s="697"/>
      <c r="J81" s="698"/>
      <c r="K81" s="473">
        <v>0</v>
      </c>
      <c r="L81" s="473"/>
    </row>
    <row r="82" spans="1:13" ht="10.5" x14ac:dyDescent="0.2">
      <c r="A82" s="55" t="s">
        <v>56</v>
      </c>
      <c r="B82" s="427"/>
      <c r="C82" s="433"/>
      <c r="D82" s="699"/>
      <c r="E82" s="700"/>
      <c r="F82" s="699"/>
      <c r="G82" s="700"/>
      <c r="H82" s="424">
        <v>0</v>
      </c>
      <c r="I82" s="699"/>
      <c r="J82" s="700"/>
      <c r="K82" s="476">
        <v>0</v>
      </c>
      <c r="L82" s="476"/>
    </row>
    <row r="83" spans="1:13" ht="10.5" x14ac:dyDescent="0.2">
      <c r="A83" s="148" t="s">
        <v>57</v>
      </c>
      <c r="B83" s="705">
        <v>13926525000</v>
      </c>
      <c r="C83" s="706"/>
      <c r="D83" s="705">
        <v>14036291731.52</v>
      </c>
      <c r="E83" s="706"/>
      <c r="F83" s="705">
        <v>1910898241.5</v>
      </c>
      <c r="G83" s="706"/>
      <c r="H83" s="430">
        <v>13.613982083379423</v>
      </c>
      <c r="I83" s="705">
        <v>3812094808.0699997</v>
      </c>
      <c r="J83" s="706"/>
      <c r="K83" s="434">
        <v>27.158845662273684</v>
      </c>
      <c r="L83" s="430">
        <v>10224196923.450001</v>
      </c>
      <c r="M83" s="28"/>
    </row>
    <row r="84" spans="1:13" ht="10.5" x14ac:dyDescent="0.2">
      <c r="A84" s="149" t="s">
        <v>84</v>
      </c>
      <c r="B84" s="705">
        <v>0</v>
      </c>
      <c r="C84" s="706"/>
      <c r="D84" s="705">
        <v>0</v>
      </c>
      <c r="E84" s="706"/>
      <c r="F84" s="705">
        <v>0</v>
      </c>
      <c r="G84" s="706"/>
      <c r="H84" s="430">
        <v>0</v>
      </c>
      <c r="I84" s="705">
        <v>67649953.890000343</v>
      </c>
      <c r="J84" s="706"/>
      <c r="K84" s="435">
        <v>0</v>
      </c>
      <c r="L84" s="474">
        <v>0</v>
      </c>
    </row>
    <row r="85" spans="1:13" ht="15" customHeight="1" x14ac:dyDescent="0.2">
      <c r="A85" s="27" t="s">
        <v>85</v>
      </c>
      <c r="B85" s="713">
        <v>13926525000</v>
      </c>
      <c r="C85" s="714"/>
      <c r="D85" s="713">
        <v>14036291731.52</v>
      </c>
      <c r="E85" s="714"/>
      <c r="F85" s="713">
        <v>1910898241.5</v>
      </c>
      <c r="G85" s="714"/>
      <c r="H85" s="469">
        <v>13.613982083379423</v>
      </c>
      <c r="I85" s="713">
        <v>3879744761.96</v>
      </c>
      <c r="J85" s="714"/>
      <c r="K85" s="469">
        <v>27.640810237989115</v>
      </c>
      <c r="L85" s="436">
        <v>10224196923.450001</v>
      </c>
    </row>
    <row r="86" spans="1:13" ht="21" x14ac:dyDescent="0.2">
      <c r="A86" s="343" t="s">
        <v>58</v>
      </c>
      <c r="B86" s="701">
        <v>0</v>
      </c>
      <c r="C86" s="702"/>
      <c r="D86" s="701"/>
      <c r="E86" s="702"/>
      <c r="F86" s="701">
        <v>0</v>
      </c>
      <c r="G86" s="702"/>
      <c r="H86" s="437">
        <v>0</v>
      </c>
      <c r="I86" s="701">
        <v>0</v>
      </c>
      <c r="J86" s="702"/>
      <c r="K86" s="437">
        <v>0</v>
      </c>
      <c r="L86" s="470" t="s">
        <v>156</v>
      </c>
    </row>
    <row r="87" spans="1:13" ht="10.5" x14ac:dyDescent="0.2">
      <c r="A87" s="344" t="s">
        <v>354</v>
      </c>
      <c r="B87" s="701">
        <v>0</v>
      </c>
      <c r="C87" s="702"/>
      <c r="D87" s="701">
        <v>0</v>
      </c>
      <c r="E87" s="702"/>
      <c r="F87" s="701">
        <v>0</v>
      </c>
      <c r="G87" s="702"/>
      <c r="H87" s="437">
        <v>0</v>
      </c>
      <c r="I87" s="701">
        <v>0</v>
      </c>
      <c r="J87" s="702"/>
      <c r="K87" s="437">
        <v>0</v>
      </c>
      <c r="L87" s="470" t="s">
        <v>156</v>
      </c>
    </row>
    <row r="88" spans="1:13" ht="10.5" x14ac:dyDescent="0.2">
      <c r="A88" s="345" t="s">
        <v>353</v>
      </c>
      <c r="B88" s="701">
        <v>0</v>
      </c>
      <c r="C88" s="702"/>
      <c r="D88" s="701">
        <v>0</v>
      </c>
      <c r="E88" s="702"/>
      <c r="F88" s="701">
        <v>0</v>
      </c>
      <c r="G88" s="702"/>
      <c r="H88" s="437">
        <v>0</v>
      </c>
      <c r="I88" s="701">
        <v>0</v>
      </c>
      <c r="J88" s="702"/>
      <c r="K88" s="437">
        <v>0</v>
      </c>
      <c r="L88" s="470" t="s">
        <v>156</v>
      </c>
    </row>
    <row r="89" spans="1:13" ht="5.0999999999999996" customHeight="1" x14ac:dyDescent="0.2">
      <c r="F89" s="56"/>
      <c r="G89" s="56"/>
      <c r="H89" s="56"/>
      <c r="I89" s="56"/>
      <c r="J89" s="56"/>
      <c r="K89" s="56"/>
      <c r="L89" s="56"/>
    </row>
    <row r="90" spans="1:13" ht="4.5" customHeight="1" x14ac:dyDescent="0.2">
      <c r="E90" s="456"/>
      <c r="F90" s="56"/>
      <c r="G90" s="405"/>
      <c r="H90" s="405"/>
      <c r="I90" s="405"/>
      <c r="J90" s="56"/>
      <c r="K90" s="56"/>
      <c r="L90" s="56"/>
    </row>
    <row r="91" spans="1:13" ht="14.25" customHeight="1" x14ac:dyDescent="0.2">
      <c r="A91" s="730" t="s">
        <v>853</v>
      </c>
      <c r="B91" s="57" t="s">
        <v>157</v>
      </c>
      <c r="C91" s="57" t="s">
        <v>157</v>
      </c>
      <c r="D91" s="716" t="s">
        <v>158</v>
      </c>
      <c r="E91" s="725"/>
      <c r="F91" s="738" t="s">
        <v>161</v>
      </c>
      <c r="G91" s="716" t="s">
        <v>159</v>
      </c>
      <c r="H91" s="717"/>
      <c r="I91" s="738" t="s">
        <v>161</v>
      </c>
      <c r="J91" s="728" t="s">
        <v>535</v>
      </c>
      <c r="K91" s="718" t="s">
        <v>636</v>
      </c>
      <c r="L91" s="719"/>
    </row>
    <row r="92" spans="1:13" ht="27" customHeight="1" x14ac:dyDescent="0.15">
      <c r="A92" s="731"/>
      <c r="B92" s="58" t="s">
        <v>111</v>
      </c>
      <c r="C92" s="58" t="s">
        <v>112</v>
      </c>
      <c r="D92" s="449" t="s">
        <v>430</v>
      </c>
      <c r="E92" s="449" t="s">
        <v>431</v>
      </c>
      <c r="F92" s="739"/>
      <c r="G92" s="449" t="s">
        <v>430</v>
      </c>
      <c r="H92" s="450" t="s">
        <v>431</v>
      </c>
      <c r="I92" s="739"/>
      <c r="J92" s="729"/>
      <c r="K92" s="720"/>
      <c r="L92" s="721"/>
    </row>
    <row r="93" spans="1:13" ht="10.5" x14ac:dyDescent="0.2">
      <c r="A93" s="731"/>
      <c r="B93" s="58"/>
      <c r="C93" s="58"/>
      <c r="D93" s="60" t="s">
        <v>121</v>
      </c>
      <c r="E93" s="60" t="s">
        <v>121</v>
      </c>
      <c r="F93" s="739"/>
      <c r="G93" s="60" t="s">
        <v>121</v>
      </c>
      <c r="H93" s="60" t="s">
        <v>121</v>
      </c>
      <c r="I93" s="739"/>
      <c r="J93" s="729"/>
      <c r="K93" s="720"/>
      <c r="L93" s="721"/>
    </row>
    <row r="94" spans="1:13" s="396" customFormat="1" ht="12" customHeight="1" x14ac:dyDescent="0.2">
      <c r="A94" s="732"/>
      <c r="B94" s="393" t="s">
        <v>162</v>
      </c>
      <c r="C94" s="393" t="s">
        <v>163</v>
      </c>
      <c r="D94" s="395"/>
      <c r="E94" s="393" t="s">
        <v>233</v>
      </c>
      <c r="F94" s="394" t="s">
        <v>539</v>
      </c>
      <c r="G94" s="395"/>
      <c r="H94" s="393" t="s">
        <v>165</v>
      </c>
      <c r="I94" s="393" t="s">
        <v>540</v>
      </c>
      <c r="J94" s="393" t="s">
        <v>349</v>
      </c>
      <c r="K94" s="722"/>
      <c r="L94" s="723"/>
    </row>
    <row r="95" spans="1:13" s="44" customFormat="1" ht="10.5" x14ac:dyDescent="0.2">
      <c r="A95" s="151" t="s">
        <v>361</v>
      </c>
      <c r="B95" s="492">
        <v>12932585500</v>
      </c>
      <c r="C95" s="421">
        <v>13098673288.440001</v>
      </c>
      <c r="D95" s="421">
        <v>2738058226.0900002</v>
      </c>
      <c r="E95" s="421">
        <v>8120711408.4899998</v>
      </c>
      <c r="F95" s="421">
        <v>4977961879.9500008</v>
      </c>
      <c r="G95" s="421">
        <v>1847716287.8600001</v>
      </c>
      <c r="H95" s="421">
        <v>3517800076.6399999</v>
      </c>
      <c r="I95" s="421">
        <v>9580873211.8000011</v>
      </c>
      <c r="J95" s="421">
        <v>3383243430.6800003</v>
      </c>
      <c r="K95" s="711">
        <v>0</v>
      </c>
      <c r="L95" s="724"/>
    </row>
    <row r="96" spans="1:13" s="44" customFormat="1" ht="10.5" x14ac:dyDescent="0.2">
      <c r="A96" s="62" t="s">
        <v>86</v>
      </c>
      <c r="B96" s="492">
        <v>10645303900</v>
      </c>
      <c r="C96" s="421">
        <v>10540575685.780001</v>
      </c>
      <c r="D96" s="421">
        <v>2575946324.5900002</v>
      </c>
      <c r="E96" s="421">
        <v>6787274608.0699997</v>
      </c>
      <c r="F96" s="421">
        <v>3753301077.710001</v>
      </c>
      <c r="G96" s="421">
        <v>1632729521.4200001</v>
      </c>
      <c r="H96" s="421">
        <v>3132380457.54</v>
      </c>
      <c r="I96" s="421">
        <v>7408195228.2399998</v>
      </c>
      <c r="J96" s="421">
        <v>3005414236.0700002</v>
      </c>
      <c r="K96" s="709">
        <v>0</v>
      </c>
      <c r="L96" s="727"/>
    </row>
    <row r="97" spans="1:12" s="44" customFormat="1" ht="10.5" x14ac:dyDescent="0.2">
      <c r="A97" s="62" t="s">
        <v>87</v>
      </c>
      <c r="B97" s="423">
        <v>5269505500</v>
      </c>
      <c r="C97" s="423">
        <v>5767512351.25</v>
      </c>
      <c r="D97" s="423">
        <v>1958051042.98</v>
      </c>
      <c r="E97" s="423">
        <v>4818531963.3299999</v>
      </c>
      <c r="F97" s="423">
        <v>948980387.92000008</v>
      </c>
      <c r="G97" s="423">
        <v>1193306300.8399999</v>
      </c>
      <c r="H97" s="423">
        <v>2295153396.9099998</v>
      </c>
      <c r="I97" s="423">
        <v>3472358954.3400002</v>
      </c>
      <c r="J97" s="423">
        <v>2203645781.5</v>
      </c>
      <c r="K97" s="697">
        <v>0</v>
      </c>
      <c r="L97" s="715"/>
    </row>
    <row r="98" spans="1:12" ht="10.5" x14ac:dyDescent="0.2">
      <c r="A98" s="62" t="s">
        <v>88</v>
      </c>
      <c r="B98" s="423">
        <v>268572300</v>
      </c>
      <c r="C98" s="423">
        <v>269572300</v>
      </c>
      <c r="D98" s="423">
        <v>10085400.279999999</v>
      </c>
      <c r="E98" s="423">
        <v>267980703.49000001</v>
      </c>
      <c r="F98" s="423">
        <v>1591596.5099999905</v>
      </c>
      <c r="G98" s="423">
        <v>33797205.950000003</v>
      </c>
      <c r="H98" s="423">
        <v>78006750.420000002</v>
      </c>
      <c r="I98" s="423">
        <v>191565549.57999998</v>
      </c>
      <c r="J98" s="423">
        <v>78006750.420000002</v>
      </c>
      <c r="K98" s="697">
        <v>0</v>
      </c>
      <c r="L98" s="715"/>
    </row>
    <row r="99" spans="1:12" ht="10.5" x14ac:dyDescent="0.2">
      <c r="A99" s="62" t="s">
        <v>89</v>
      </c>
      <c r="B99" s="493">
        <v>5107226100</v>
      </c>
      <c r="C99" s="423">
        <v>4503491034.5300007</v>
      </c>
      <c r="D99" s="423">
        <v>607809881.33000004</v>
      </c>
      <c r="E99" s="423">
        <v>1700761941.25</v>
      </c>
      <c r="F99" s="423">
        <v>2802729093.2800007</v>
      </c>
      <c r="G99" s="423">
        <v>405626014.63</v>
      </c>
      <c r="H99" s="423">
        <v>759220310.21000004</v>
      </c>
      <c r="I99" s="423">
        <v>3744270724.3199997</v>
      </c>
      <c r="J99" s="423">
        <v>723761704.14999998</v>
      </c>
      <c r="K99" s="697">
        <v>0</v>
      </c>
      <c r="L99" s="715"/>
    </row>
    <row r="100" spans="1:12" ht="10.5" x14ac:dyDescent="0.2">
      <c r="A100" s="63" t="s">
        <v>736</v>
      </c>
      <c r="B100" s="423">
        <v>2199871000</v>
      </c>
      <c r="C100" s="423">
        <v>1534245022</v>
      </c>
      <c r="D100" s="423">
        <v>50000000</v>
      </c>
      <c r="E100" s="423">
        <v>141591166.88999999</v>
      </c>
      <c r="F100" s="423">
        <v>1392653855.1100001</v>
      </c>
      <c r="G100" s="423">
        <v>23000000</v>
      </c>
      <c r="H100" s="423">
        <v>67341166.890000001</v>
      </c>
      <c r="I100" s="423">
        <v>1466903855.1099999</v>
      </c>
      <c r="J100" s="423">
        <v>53341166.890000001</v>
      </c>
      <c r="K100" s="697">
        <v>0</v>
      </c>
      <c r="L100" s="715"/>
    </row>
    <row r="101" spans="1:12" ht="10.5" x14ac:dyDescent="0.2">
      <c r="A101" s="63" t="s">
        <v>737</v>
      </c>
      <c r="B101" s="423">
        <v>2907355100</v>
      </c>
      <c r="C101" s="423">
        <v>2969246012.5300002</v>
      </c>
      <c r="D101" s="423">
        <v>557809881.33000004</v>
      </c>
      <c r="E101" s="423">
        <v>1559170774.3599999</v>
      </c>
      <c r="F101" s="423">
        <v>1410075238.1700003</v>
      </c>
      <c r="G101" s="423">
        <v>382626014.63</v>
      </c>
      <c r="H101" s="423">
        <v>691879143.32000005</v>
      </c>
      <c r="I101" s="423">
        <v>2277366869.21</v>
      </c>
      <c r="J101" s="423">
        <v>670420537.25999999</v>
      </c>
      <c r="K101" s="697">
        <v>0</v>
      </c>
      <c r="L101" s="715"/>
    </row>
    <row r="102" spans="1:12" s="44" customFormat="1" ht="10.5" x14ac:dyDescent="0.2">
      <c r="A102" s="62" t="s">
        <v>90</v>
      </c>
      <c r="B102" s="492">
        <v>2158528600</v>
      </c>
      <c r="C102" s="421">
        <v>2429344602.6599998</v>
      </c>
      <c r="D102" s="421">
        <v>162111901.5</v>
      </c>
      <c r="E102" s="421">
        <v>1333436800.4200001</v>
      </c>
      <c r="F102" s="421">
        <v>1095907802.2399998</v>
      </c>
      <c r="G102" s="421">
        <v>214986766.44</v>
      </c>
      <c r="H102" s="421">
        <v>385419619.10000002</v>
      </c>
      <c r="I102" s="421">
        <v>2043924983.5599999</v>
      </c>
      <c r="J102" s="421">
        <v>377829194.61000001</v>
      </c>
      <c r="K102" s="709">
        <v>0</v>
      </c>
      <c r="L102" s="727"/>
    </row>
    <row r="103" spans="1:12" ht="10.5" x14ac:dyDescent="0.2">
      <c r="A103" s="56" t="s">
        <v>91</v>
      </c>
      <c r="B103" s="423">
        <v>1453525700</v>
      </c>
      <c r="C103" s="423">
        <v>1723977002.6600001</v>
      </c>
      <c r="D103" s="423">
        <v>161979291.36000001</v>
      </c>
      <c r="E103" s="423">
        <v>659652593.17999995</v>
      </c>
      <c r="F103" s="423">
        <v>1064324409.4800001</v>
      </c>
      <c r="G103" s="423">
        <v>103444066.3</v>
      </c>
      <c r="H103" s="423">
        <v>165420893.37</v>
      </c>
      <c r="I103" s="423">
        <v>1558556109.29</v>
      </c>
      <c r="J103" s="423">
        <v>157830468.88</v>
      </c>
      <c r="K103" s="697">
        <v>0</v>
      </c>
      <c r="L103" s="715"/>
    </row>
    <row r="104" spans="1:12" ht="10.5" x14ac:dyDescent="0.2">
      <c r="A104" s="56" t="s">
        <v>92</v>
      </c>
      <c r="B104" s="423">
        <v>6967100</v>
      </c>
      <c r="C104" s="423">
        <v>7131800</v>
      </c>
      <c r="D104" s="423">
        <v>0</v>
      </c>
      <c r="E104" s="423">
        <v>164699.4</v>
      </c>
      <c r="F104" s="423">
        <v>6967100.5999999996</v>
      </c>
      <c r="G104" s="423">
        <v>0</v>
      </c>
      <c r="H104" s="423">
        <v>0</v>
      </c>
      <c r="I104" s="423">
        <v>7131800</v>
      </c>
      <c r="J104" s="423">
        <v>0</v>
      </c>
      <c r="K104" s="697">
        <v>0</v>
      </c>
      <c r="L104" s="715"/>
    </row>
    <row r="105" spans="1:12" ht="10.5" x14ac:dyDescent="0.2">
      <c r="A105" s="56" t="s">
        <v>93</v>
      </c>
      <c r="B105" s="423">
        <v>698035800</v>
      </c>
      <c r="C105" s="423">
        <v>698235800</v>
      </c>
      <c r="D105" s="423">
        <v>132610.14000000001</v>
      </c>
      <c r="E105" s="423">
        <v>673619507.84000003</v>
      </c>
      <c r="F105" s="423">
        <v>24616292.159999967</v>
      </c>
      <c r="G105" s="423">
        <v>111542700.14</v>
      </c>
      <c r="H105" s="423">
        <v>219998725.72999999</v>
      </c>
      <c r="I105" s="423">
        <v>478237074.26999998</v>
      </c>
      <c r="J105" s="423">
        <v>219998725.72999999</v>
      </c>
      <c r="K105" s="697">
        <v>0</v>
      </c>
      <c r="L105" s="715"/>
    </row>
    <row r="106" spans="1:12" ht="10.5" x14ac:dyDescent="0.2">
      <c r="A106" s="56" t="s">
        <v>94</v>
      </c>
      <c r="B106" s="424">
        <v>128753000</v>
      </c>
      <c r="C106" s="494">
        <v>128753000</v>
      </c>
      <c r="D106" s="423">
        <v>0</v>
      </c>
      <c r="E106" s="423">
        <v>0</v>
      </c>
      <c r="F106" s="423">
        <v>128753000</v>
      </c>
      <c r="G106" s="423">
        <v>0</v>
      </c>
      <c r="H106" s="423">
        <v>0</v>
      </c>
      <c r="I106" s="423">
        <v>128753000</v>
      </c>
      <c r="J106" s="423">
        <v>0</v>
      </c>
      <c r="K106" s="697">
        <v>0</v>
      </c>
      <c r="L106" s="715"/>
    </row>
    <row r="107" spans="1:12" ht="10.5" x14ac:dyDescent="0.2">
      <c r="A107" s="56" t="s">
        <v>95</v>
      </c>
      <c r="B107" s="424">
        <v>0</v>
      </c>
      <c r="C107" s="423">
        <v>0</v>
      </c>
      <c r="D107" s="423">
        <v>0</v>
      </c>
      <c r="E107" s="423">
        <v>0</v>
      </c>
      <c r="F107" s="423">
        <v>0</v>
      </c>
      <c r="G107" s="423">
        <v>0</v>
      </c>
      <c r="H107" s="423">
        <v>0</v>
      </c>
      <c r="I107" s="423">
        <v>0</v>
      </c>
      <c r="J107" s="423">
        <v>0</v>
      </c>
      <c r="K107" s="697">
        <v>0</v>
      </c>
      <c r="L107" s="715"/>
    </row>
    <row r="108" spans="1:12" s="44" customFormat="1" ht="10.5" x14ac:dyDescent="0.2">
      <c r="A108" s="62" t="s">
        <v>96</v>
      </c>
      <c r="B108" s="422">
        <v>993939500</v>
      </c>
      <c r="C108" s="422">
        <v>1205084178.5599999</v>
      </c>
      <c r="D108" s="422">
        <v>511430955.34000003</v>
      </c>
      <c r="E108" s="422">
        <v>887739645.8499999</v>
      </c>
      <c r="F108" s="422">
        <v>317344532.71000004</v>
      </c>
      <c r="G108" s="422">
        <v>169630015.91</v>
      </c>
      <c r="H108" s="422">
        <v>361944685.31999999</v>
      </c>
      <c r="I108" s="422">
        <v>843139493.24000001</v>
      </c>
      <c r="J108" s="422">
        <v>308553248.41999996</v>
      </c>
      <c r="K108" s="703">
        <v>0</v>
      </c>
      <c r="L108" s="737"/>
    </row>
    <row r="109" spans="1:12" s="44" customFormat="1" ht="10.5" x14ac:dyDescent="0.2">
      <c r="A109" s="116" t="s">
        <v>97</v>
      </c>
      <c r="B109" s="471">
        <v>13926525000</v>
      </c>
      <c r="C109" s="471">
        <v>14303757467</v>
      </c>
      <c r="D109" s="471">
        <v>3249489181.4300003</v>
      </c>
      <c r="E109" s="471">
        <v>9008451054.3400002</v>
      </c>
      <c r="F109" s="471">
        <v>5295306412.6600008</v>
      </c>
      <c r="G109" s="471">
        <v>2017346303.7700002</v>
      </c>
      <c r="H109" s="471">
        <v>3879744761.96</v>
      </c>
      <c r="I109" s="471">
        <v>10424012705.040001</v>
      </c>
      <c r="J109" s="471">
        <v>3691796679.1000004</v>
      </c>
      <c r="K109" s="701">
        <v>0</v>
      </c>
      <c r="L109" s="733"/>
    </row>
    <row r="110" spans="1:12" ht="10.5" x14ac:dyDescent="0.2">
      <c r="A110" s="298" t="s">
        <v>362</v>
      </c>
      <c r="B110" s="431">
        <v>0</v>
      </c>
      <c r="C110" s="431">
        <v>0</v>
      </c>
      <c r="D110" s="431">
        <v>0</v>
      </c>
      <c r="E110" s="431">
        <v>0</v>
      </c>
      <c r="F110" s="431">
        <v>0</v>
      </c>
      <c r="G110" s="431">
        <v>0</v>
      </c>
      <c r="H110" s="431">
        <v>0</v>
      </c>
      <c r="I110" s="431">
        <v>0</v>
      </c>
      <c r="J110" s="431">
        <v>0</v>
      </c>
      <c r="K110" s="701">
        <v>0</v>
      </c>
      <c r="L110" s="733"/>
    </row>
    <row r="111" spans="1:12" s="44" customFormat="1" ht="10.5" customHeight="1" x14ac:dyDescent="0.2">
      <c r="A111" s="146" t="s">
        <v>3</v>
      </c>
      <c r="B111" s="475">
        <v>0</v>
      </c>
      <c r="C111" s="475">
        <v>0</v>
      </c>
      <c r="D111" s="475">
        <v>0</v>
      </c>
      <c r="E111" s="475">
        <v>0</v>
      </c>
      <c r="F111" s="475">
        <v>0</v>
      </c>
      <c r="G111" s="475">
        <v>0</v>
      </c>
      <c r="H111" s="475">
        <v>0</v>
      </c>
      <c r="I111" s="475">
        <v>0</v>
      </c>
      <c r="J111" s="475">
        <v>0</v>
      </c>
      <c r="K111" s="711">
        <v>0</v>
      </c>
      <c r="L111" s="724"/>
    </row>
    <row r="112" spans="1:12" ht="10.5" customHeight="1" x14ac:dyDescent="0.2">
      <c r="A112" s="29" t="s">
        <v>1</v>
      </c>
      <c r="B112" s="424"/>
      <c r="C112" s="424"/>
      <c r="D112" s="423"/>
      <c r="E112" s="424"/>
      <c r="F112" s="423"/>
      <c r="G112" s="473"/>
      <c r="H112" s="473"/>
      <c r="I112" s="473"/>
      <c r="J112" s="423"/>
      <c r="K112" s="697"/>
      <c r="L112" s="715"/>
    </row>
    <row r="113" spans="1:12" ht="10.5" customHeight="1" x14ac:dyDescent="0.2">
      <c r="A113" s="29" t="s">
        <v>2</v>
      </c>
      <c r="B113" s="424"/>
      <c r="C113" s="424"/>
      <c r="D113" s="423"/>
      <c r="E113" s="424"/>
      <c r="F113" s="423"/>
      <c r="G113" s="473"/>
      <c r="H113" s="473"/>
      <c r="I113" s="473"/>
      <c r="J113" s="423"/>
      <c r="K113" s="697"/>
      <c r="L113" s="715"/>
    </row>
    <row r="114" spans="1:12" s="44" customFormat="1" ht="10.5" customHeight="1" x14ac:dyDescent="0.2">
      <c r="A114" s="146" t="s">
        <v>4</v>
      </c>
      <c r="B114" s="475">
        <v>0</v>
      </c>
      <c r="C114" s="475">
        <v>0</v>
      </c>
      <c r="D114" s="475">
        <v>0</v>
      </c>
      <c r="E114" s="475">
        <v>0</v>
      </c>
      <c r="F114" s="475">
        <v>0</v>
      </c>
      <c r="G114" s="475">
        <v>0</v>
      </c>
      <c r="H114" s="475">
        <v>0</v>
      </c>
      <c r="I114" s="475">
        <v>0</v>
      </c>
      <c r="J114" s="475">
        <v>0</v>
      </c>
      <c r="K114" s="709">
        <v>0</v>
      </c>
      <c r="L114" s="727"/>
    </row>
    <row r="115" spans="1:12" ht="10.5" customHeight="1" x14ac:dyDescent="0.2">
      <c r="A115" s="29" t="s">
        <v>1</v>
      </c>
      <c r="B115" s="424"/>
      <c r="C115" s="424"/>
      <c r="D115" s="423"/>
      <c r="E115" s="424"/>
      <c r="F115" s="423"/>
      <c r="G115" s="473"/>
      <c r="H115" s="473"/>
      <c r="I115" s="473"/>
      <c r="J115" s="423"/>
      <c r="K115" s="697"/>
      <c r="L115" s="715"/>
    </row>
    <row r="116" spans="1:12" ht="10.5" customHeight="1" x14ac:dyDescent="0.2">
      <c r="A116" s="30" t="s">
        <v>2</v>
      </c>
      <c r="B116" s="427"/>
      <c r="C116" s="427"/>
      <c r="D116" s="426"/>
      <c r="E116" s="427"/>
      <c r="F116" s="426"/>
      <c r="G116" s="476"/>
      <c r="H116" s="476"/>
      <c r="I116" s="476"/>
      <c r="J116" s="426"/>
      <c r="K116" s="699"/>
      <c r="L116" s="736"/>
    </row>
    <row r="117" spans="1:12" ht="10.5" x14ac:dyDescent="0.2">
      <c r="A117" s="150" t="s">
        <v>98</v>
      </c>
      <c r="B117" s="495">
        <v>13926525000</v>
      </c>
      <c r="C117" s="495">
        <v>14303757467</v>
      </c>
      <c r="D117" s="495">
        <v>3249489181.4300003</v>
      </c>
      <c r="E117" s="495">
        <v>9008451054.3400002</v>
      </c>
      <c r="F117" s="495">
        <v>5295306412.6600008</v>
      </c>
      <c r="G117" s="495">
        <v>2017346303.7700002</v>
      </c>
      <c r="H117" s="495">
        <v>3879744761.96</v>
      </c>
      <c r="I117" s="495">
        <v>10424012705.040001</v>
      </c>
      <c r="J117" s="495">
        <v>3691796679.1000004</v>
      </c>
      <c r="K117" s="705">
        <v>0</v>
      </c>
      <c r="L117" s="734"/>
    </row>
    <row r="118" spans="1:12" ht="10.5" x14ac:dyDescent="0.2">
      <c r="A118" s="150" t="s">
        <v>99</v>
      </c>
      <c r="B118" s="471"/>
      <c r="C118" s="471"/>
      <c r="D118" s="471"/>
      <c r="E118" s="471"/>
      <c r="F118" s="471"/>
      <c r="G118" s="471"/>
      <c r="H118" s="472">
        <v>0</v>
      </c>
      <c r="I118" s="430"/>
      <c r="J118" s="496"/>
      <c r="K118" s="734"/>
      <c r="L118" s="734"/>
    </row>
    <row r="119" spans="1:12" ht="15" customHeight="1" x14ac:dyDescent="0.2">
      <c r="A119" s="61" t="s">
        <v>100</v>
      </c>
      <c r="B119" s="497">
        <v>13926525000</v>
      </c>
      <c r="C119" s="497">
        <v>14303757467</v>
      </c>
      <c r="D119" s="497">
        <v>3249489181.4300003</v>
      </c>
      <c r="E119" s="497">
        <v>9008451054.3400002</v>
      </c>
      <c r="F119" s="469">
        <v>5295306412.6600008</v>
      </c>
      <c r="G119" s="469">
        <v>2017346303.7700002</v>
      </c>
      <c r="H119" s="498">
        <v>3879744761.96</v>
      </c>
      <c r="I119" s="469">
        <v>10424012705.040001</v>
      </c>
      <c r="J119" s="469">
        <v>3691796679.1000004</v>
      </c>
      <c r="K119" s="713">
        <v>0</v>
      </c>
      <c r="L119" s="735"/>
    </row>
    <row r="120" spans="1:12" ht="11.25" customHeight="1" x14ac:dyDescent="0.2">
      <c r="A120" s="45" t="s">
        <v>848</v>
      </c>
      <c r="K120" s="726"/>
      <c r="L120" s="726"/>
    </row>
    <row r="121" spans="1:12" ht="11.25" customHeight="1" x14ac:dyDescent="0.2">
      <c r="B121" s="456"/>
      <c r="C121" s="633"/>
      <c r="D121" s="204"/>
    </row>
    <row r="122" spans="1:12" ht="11.25" customHeight="1" x14ac:dyDescent="0.2">
      <c r="B122" s="204"/>
      <c r="C122" s="204"/>
      <c r="D122" s="204"/>
      <c r="G122" s="204"/>
    </row>
    <row r="123" spans="1:12" ht="11.25" customHeight="1" x14ac:dyDescent="0.2">
      <c r="C123" s="204"/>
      <c r="D123" s="204"/>
      <c r="E123" s="204"/>
      <c r="G123" s="204"/>
      <c r="H123" s="204"/>
    </row>
    <row r="124" spans="1:12" ht="11.25" customHeight="1" x14ac:dyDescent="0.2">
      <c r="B124" s="204"/>
      <c r="D124" s="204"/>
    </row>
    <row r="125" spans="1:12" ht="11.25" customHeight="1" x14ac:dyDescent="0.2">
      <c r="B125" s="204"/>
      <c r="D125" s="204"/>
      <c r="E125" s="204"/>
    </row>
    <row r="126" spans="1:12" ht="11.25" customHeight="1" x14ac:dyDescent="0.2">
      <c r="B126" s="204"/>
      <c r="D126" s="204"/>
    </row>
    <row r="127" spans="1:12" ht="11.25" customHeight="1" x14ac:dyDescent="0.2">
      <c r="D127" s="204"/>
    </row>
  </sheetData>
  <dataConsolidate/>
  <customSheetViews>
    <customSheetView guid="{6DBFA32C-4AA4-4E1D-9A48-697377C64CC3}" showPageBreaks="1" showGridLines="0" fitToPage="1" printArea="1" topLeftCell="C91">
      <selection activeCell="G119" sqref="G119:H119"/>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1"/>
      <headerFooter alignWithMargins="0"/>
    </customSheetView>
    <customSheetView guid="{3AAF6A5F-F9AA-430B-9AD9-1261ECDF41B5}" scale="80" showPageBreaks="1" showGridLines="0" fitToPage="1" printArea="1" topLeftCell="A42">
      <selection activeCell="I61" sqref="I61:J61"/>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2"/>
      <headerFooter alignWithMargins="0"/>
    </customSheetView>
    <customSheetView guid="{C779D862-DE28-46CD-A428-4AAA1056D1E1}" showPageBreaks="1" showGridLines="0" fitToPage="1" printArea="1">
      <selection activeCell="I61" sqref="I61:J61"/>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3"/>
      <headerFooter alignWithMargins="0"/>
    </customSheetView>
    <customSheetView guid="{25EF1E0D-169B-4051-B414-7E1196FC05E4}" scale="90" showGridLines="0" fitToPage="1" topLeftCell="A7">
      <selection activeCell="D93" sqref="D93"/>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4"/>
      <headerFooter alignWithMargins="0"/>
    </customSheetView>
    <customSheetView guid="{B4FED47C-EE37-4843-A570-282D4F8229D4}" scale="90" showGridLines="0" fitToPage="1" topLeftCell="A7">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5"/>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6"/>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7"/>
      <headerFooter alignWithMargins="0"/>
    </customSheetView>
    <customSheetView guid="{82EDB5A4-4824-4632-A540-7A52C92F04C7}" scale="90" showPageBreaks="1" showGridLines="0" fitToPage="1" printArea="1" hiddenRows="1" topLeftCell="A40">
      <selection activeCell="B16" sqref="B16:C16"/>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8"/>
      <headerFooter alignWithMargins="0"/>
    </customSheetView>
  </customSheetViews>
  <mergeCells count="351">
    <mergeCell ref="B71:C71"/>
    <mergeCell ref="B72:C72"/>
    <mergeCell ref="B69:C69"/>
    <mergeCell ref="B70:C70"/>
    <mergeCell ref="B75:C75"/>
    <mergeCell ref="B73:C73"/>
    <mergeCell ref="B74:C74"/>
    <mergeCell ref="B84:C84"/>
    <mergeCell ref="D84:E84"/>
    <mergeCell ref="B83:C83"/>
    <mergeCell ref="D83:E83"/>
    <mergeCell ref="B76:C76"/>
    <mergeCell ref="B77:C77"/>
    <mergeCell ref="B78:C78"/>
    <mergeCell ref="B79:C79"/>
    <mergeCell ref="B80:C80"/>
    <mergeCell ref="B81:C81"/>
    <mergeCell ref="D76:E76"/>
    <mergeCell ref="D77:E77"/>
    <mergeCell ref="D78:E78"/>
    <mergeCell ref="D79:E79"/>
    <mergeCell ref="D80:E80"/>
    <mergeCell ref="D81:E81"/>
    <mergeCell ref="D82:E82"/>
    <mergeCell ref="B60:C60"/>
    <mergeCell ref="B57:C57"/>
    <mergeCell ref="B58:C58"/>
    <mergeCell ref="B63:C63"/>
    <mergeCell ref="B64:C64"/>
    <mergeCell ref="B61:C61"/>
    <mergeCell ref="B62:C62"/>
    <mergeCell ref="B67:C67"/>
    <mergeCell ref="B68:C68"/>
    <mergeCell ref="B65:C65"/>
    <mergeCell ref="B66:C66"/>
    <mergeCell ref="B51:C51"/>
    <mergeCell ref="B52:C52"/>
    <mergeCell ref="B49:C49"/>
    <mergeCell ref="B50:C50"/>
    <mergeCell ref="B55:C55"/>
    <mergeCell ref="B56:C56"/>
    <mergeCell ref="B53:C53"/>
    <mergeCell ref="B54:C54"/>
    <mergeCell ref="B59:C59"/>
    <mergeCell ref="B40:C40"/>
    <mergeCell ref="B35:C35"/>
    <mergeCell ref="B38:C38"/>
    <mergeCell ref="B43:C43"/>
    <mergeCell ref="B44:C44"/>
    <mergeCell ref="B41:C41"/>
    <mergeCell ref="B42:C42"/>
    <mergeCell ref="B47:C47"/>
    <mergeCell ref="B48:C48"/>
    <mergeCell ref="B45:C45"/>
    <mergeCell ref="B46:C46"/>
    <mergeCell ref="B37:C37"/>
    <mergeCell ref="D37:E37"/>
    <mergeCell ref="F37:G37"/>
    <mergeCell ref="I37:J37"/>
    <mergeCell ref="B36:C36"/>
    <mergeCell ref="D36:E36"/>
    <mergeCell ref="F36:G36"/>
    <mergeCell ref="I36:J36"/>
    <mergeCell ref="B39:C39"/>
    <mergeCell ref="B32:C32"/>
    <mergeCell ref="D35:E35"/>
    <mergeCell ref="D38:E38"/>
    <mergeCell ref="D39:E39"/>
    <mergeCell ref="F35:G35"/>
    <mergeCell ref="F38:G38"/>
    <mergeCell ref="F39:G39"/>
    <mergeCell ref="I35:J35"/>
    <mergeCell ref="I38:J38"/>
    <mergeCell ref="I39:J39"/>
    <mergeCell ref="B26:C26"/>
    <mergeCell ref="B31:C31"/>
    <mergeCell ref="B29:C29"/>
    <mergeCell ref="B30:C30"/>
    <mergeCell ref="B27:C27"/>
    <mergeCell ref="I33:J33"/>
    <mergeCell ref="B34:C34"/>
    <mergeCell ref="D34:E34"/>
    <mergeCell ref="F34:G34"/>
    <mergeCell ref="I34:J34"/>
    <mergeCell ref="B33:C33"/>
    <mergeCell ref="D33:E33"/>
    <mergeCell ref="F33:G33"/>
    <mergeCell ref="D32:E32"/>
    <mergeCell ref="F31:G31"/>
    <mergeCell ref="F32:G32"/>
    <mergeCell ref="I31:J31"/>
    <mergeCell ref="I32:J32"/>
    <mergeCell ref="B15:C15"/>
    <mergeCell ref="B21:C21"/>
    <mergeCell ref="B13:C13"/>
    <mergeCell ref="B14:C14"/>
    <mergeCell ref="B19:C19"/>
    <mergeCell ref="B20:C20"/>
    <mergeCell ref="D22:E22"/>
    <mergeCell ref="B28:C28"/>
    <mergeCell ref="D28:E28"/>
    <mergeCell ref="B23:C23"/>
    <mergeCell ref="D23:E23"/>
    <mergeCell ref="B24:C24"/>
    <mergeCell ref="D24:E24"/>
    <mergeCell ref="B25:C25"/>
    <mergeCell ref="D25:E25"/>
    <mergeCell ref="B22:C22"/>
    <mergeCell ref="B17:C17"/>
    <mergeCell ref="B18:C18"/>
    <mergeCell ref="B16:C16"/>
    <mergeCell ref="D13:E13"/>
    <mergeCell ref="D14:E14"/>
    <mergeCell ref="D15:E15"/>
    <mergeCell ref="D16:E16"/>
    <mergeCell ref="D17:E17"/>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A10:A12"/>
    <mergeCell ref="K120:L120"/>
    <mergeCell ref="K96:L96"/>
    <mergeCell ref="J91:J93"/>
    <mergeCell ref="A91:A94"/>
    <mergeCell ref="K109:L109"/>
    <mergeCell ref="K118:L118"/>
    <mergeCell ref="K119:L119"/>
    <mergeCell ref="K117:L117"/>
    <mergeCell ref="K111:L111"/>
    <mergeCell ref="K112:L112"/>
    <mergeCell ref="K113:L113"/>
    <mergeCell ref="K114:L114"/>
    <mergeCell ref="K115:L115"/>
    <mergeCell ref="K116:L116"/>
    <mergeCell ref="K107:L107"/>
    <mergeCell ref="K108:L108"/>
    <mergeCell ref="K110:L110"/>
    <mergeCell ref="K102:L102"/>
    <mergeCell ref="K103:L103"/>
    <mergeCell ref="K104:L104"/>
    <mergeCell ref="K105:L105"/>
    <mergeCell ref="K106:L106"/>
    <mergeCell ref="F91:F93"/>
    <mergeCell ref="I91:I93"/>
    <mergeCell ref="B85:C85"/>
    <mergeCell ref="I85:J85"/>
    <mergeCell ref="B86:C86"/>
    <mergeCell ref="K98:L98"/>
    <mergeCell ref="K99:L99"/>
    <mergeCell ref="K100:L100"/>
    <mergeCell ref="K101:L101"/>
    <mergeCell ref="G91:H91"/>
    <mergeCell ref="K91:L94"/>
    <mergeCell ref="K95:L95"/>
    <mergeCell ref="K97:L97"/>
    <mergeCell ref="D91:E91"/>
    <mergeCell ref="F86:G86"/>
    <mergeCell ref="D86:E86"/>
    <mergeCell ref="D88:E88"/>
    <mergeCell ref="D85:E85"/>
    <mergeCell ref="D87:E87"/>
    <mergeCell ref="B87:C87"/>
    <mergeCell ref="B88:C88"/>
    <mergeCell ref="F85:G85"/>
    <mergeCell ref="I86:J86"/>
    <mergeCell ref="D18:E18"/>
    <mergeCell ref="D19:E19"/>
    <mergeCell ref="D20:E20"/>
    <mergeCell ref="D21:E21"/>
    <mergeCell ref="D26:E26"/>
    <mergeCell ref="D27:E27"/>
    <mergeCell ref="D29:E29"/>
    <mergeCell ref="D30:E30"/>
    <mergeCell ref="D31:E31"/>
    <mergeCell ref="D40:E40"/>
    <mergeCell ref="D41:E41"/>
    <mergeCell ref="D42:E42"/>
    <mergeCell ref="D43:E43"/>
    <mergeCell ref="D44:E44"/>
    <mergeCell ref="D45:E45"/>
    <mergeCell ref="D46:E46"/>
    <mergeCell ref="D47:E47"/>
    <mergeCell ref="D48:E48"/>
    <mergeCell ref="D49:E49"/>
    <mergeCell ref="D50:E50"/>
    <mergeCell ref="D51:E51"/>
    <mergeCell ref="D52:E52"/>
    <mergeCell ref="D53:E53"/>
    <mergeCell ref="D54:E54"/>
    <mergeCell ref="D55:E55"/>
    <mergeCell ref="D56:E56"/>
    <mergeCell ref="D57:E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F13:G13"/>
    <mergeCell ref="F14:G14"/>
    <mergeCell ref="F15:G15"/>
    <mergeCell ref="F16:G16"/>
    <mergeCell ref="F17:G17"/>
    <mergeCell ref="F18:G18"/>
    <mergeCell ref="F19:G19"/>
    <mergeCell ref="F20:G20"/>
    <mergeCell ref="F21:G21"/>
    <mergeCell ref="F22:G22"/>
    <mergeCell ref="F23:G23"/>
    <mergeCell ref="F24:G24"/>
    <mergeCell ref="F25:G25"/>
    <mergeCell ref="F26:G26"/>
    <mergeCell ref="F27:G27"/>
    <mergeCell ref="F28:G28"/>
    <mergeCell ref="F29:G29"/>
    <mergeCell ref="F30:G30"/>
    <mergeCell ref="F40:G40"/>
    <mergeCell ref="F41:G41"/>
    <mergeCell ref="F42:G42"/>
    <mergeCell ref="F43:G43"/>
    <mergeCell ref="F44:G44"/>
    <mergeCell ref="F45:G45"/>
    <mergeCell ref="F46:G46"/>
    <mergeCell ref="F47:G47"/>
    <mergeCell ref="F48:G48"/>
    <mergeCell ref="F49:G49"/>
    <mergeCell ref="F50:G50"/>
    <mergeCell ref="F51:G51"/>
    <mergeCell ref="F52:G52"/>
    <mergeCell ref="F53:G53"/>
    <mergeCell ref="F54:G54"/>
    <mergeCell ref="F55:G55"/>
    <mergeCell ref="F56:G56"/>
    <mergeCell ref="F57:G57"/>
    <mergeCell ref="F58:G58"/>
    <mergeCell ref="F59:G59"/>
    <mergeCell ref="F60:G60"/>
    <mergeCell ref="F61:G61"/>
    <mergeCell ref="F62:G62"/>
    <mergeCell ref="F63:G63"/>
    <mergeCell ref="F64:G64"/>
    <mergeCell ref="F65:G65"/>
    <mergeCell ref="F66:G66"/>
    <mergeCell ref="F67:G67"/>
    <mergeCell ref="F68:G68"/>
    <mergeCell ref="F69:G69"/>
    <mergeCell ref="F70:G70"/>
    <mergeCell ref="F71:G71"/>
    <mergeCell ref="F72:G72"/>
    <mergeCell ref="F73:G73"/>
    <mergeCell ref="F74:G74"/>
    <mergeCell ref="F75:G75"/>
    <mergeCell ref="F76:G76"/>
    <mergeCell ref="F77:G77"/>
    <mergeCell ref="F78:G78"/>
    <mergeCell ref="F79:G79"/>
    <mergeCell ref="F80:G80"/>
    <mergeCell ref="F81:G81"/>
    <mergeCell ref="F82:G82"/>
    <mergeCell ref="F87:G87"/>
    <mergeCell ref="F88:G88"/>
    <mergeCell ref="F84:G84"/>
    <mergeCell ref="F83:G83"/>
    <mergeCell ref="I13:J13"/>
    <mergeCell ref="I14:J14"/>
    <mergeCell ref="I15:J15"/>
    <mergeCell ref="I16:J16"/>
    <mergeCell ref="I17:J17"/>
    <mergeCell ref="I18:J18"/>
    <mergeCell ref="I19:J19"/>
    <mergeCell ref="I20:J20"/>
    <mergeCell ref="I21:J21"/>
    <mergeCell ref="I22:J22"/>
    <mergeCell ref="I23:J23"/>
    <mergeCell ref="I24:J24"/>
    <mergeCell ref="I25:J25"/>
    <mergeCell ref="I26:J26"/>
    <mergeCell ref="I27:J27"/>
    <mergeCell ref="I28:J28"/>
    <mergeCell ref="I29:J29"/>
    <mergeCell ref="I30:J30"/>
    <mergeCell ref="I40:J40"/>
    <mergeCell ref="I41:J41"/>
    <mergeCell ref="I42:J42"/>
    <mergeCell ref="I43:J43"/>
    <mergeCell ref="I44:J44"/>
    <mergeCell ref="I45:J45"/>
    <mergeCell ref="I46:J46"/>
    <mergeCell ref="I47:J47"/>
    <mergeCell ref="I48:J48"/>
    <mergeCell ref="I49:J49"/>
    <mergeCell ref="I50:J50"/>
    <mergeCell ref="I51:J51"/>
    <mergeCell ref="I52:J52"/>
    <mergeCell ref="I53:J53"/>
    <mergeCell ref="I54:J54"/>
    <mergeCell ref="I55:J55"/>
    <mergeCell ref="I56:J56"/>
    <mergeCell ref="I57:J57"/>
    <mergeCell ref="I58:J58"/>
    <mergeCell ref="I59:J59"/>
    <mergeCell ref="I60:J60"/>
    <mergeCell ref="I61:J61"/>
    <mergeCell ref="I62:J62"/>
    <mergeCell ref="I63:J63"/>
    <mergeCell ref="I64:J64"/>
    <mergeCell ref="I65:J65"/>
    <mergeCell ref="I66:J66"/>
    <mergeCell ref="I67:J67"/>
    <mergeCell ref="I68:J68"/>
    <mergeCell ref="I69:J69"/>
    <mergeCell ref="I70:J70"/>
    <mergeCell ref="I71:J71"/>
    <mergeCell ref="I81:J81"/>
    <mergeCell ref="I82:J82"/>
    <mergeCell ref="I87:J87"/>
    <mergeCell ref="I88:J88"/>
    <mergeCell ref="I72:J72"/>
    <mergeCell ref="I73:J73"/>
    <mergeCell ref="I74:J74"/>
    <mergeCell ref="I75:J75"/>
    <mergeCell ref="I76:J76"/>
    <mergeCell ref="I77:J77"/>
    <mergeCell ref="I78:J78"/>
    <mergeCell ref="I79:J79"/>
    <mergeCell ref="I80:J80"/>
    <mergeCell ref="I83:J83"/>
    <mergeCell ref="I84:J84"/>
  </mergeCells>
  <phoneticPr fontId="1" type="noConversion"/>
  <printOptions horizontalCentered="1"/>
  <pageMargins left="0.19685039370078741" right="0.19685039370078741" top="0.39370078740157483" bottom="0.19685039370078741" header="0" footer="0"/>
  <pageSetup paperSize="9" scale="40" fitToHeight="2" orientation="portrait" r:id="rId9"/>
  <headerFooter alignWithMargins="0"/>
  <rowBreaks count="1" manualBreakCount="1">
    <brk id="97" max="16383" man="1"/>
  </rowBreaks>
  <drawing r:id="rId1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pageSetUpPr fitToPage="1"/>
  </sheetPr>
  <dimension ref="A1:L103"/>
  <sheetViews>
    <sheetView showGridLines="0" zoomScaleNormal="100" workbookViewId="0"/>
  </sheetViews>
  <sheetFormatPr defaultColWidth="3.28515625" defaultRowHeight="11.25" customHeight="1" x14ac:dyDescent="0.2"/>
  <cols>
    <col min="1" max="1" width="56.7109375" style="45" customWidth="1"/>
    <col min="2" max="3" width="19.140625" style="45" customWidth="1"/>
    <col min="4" max="4" width="20.140625" style="45" customWidth="1"/>
    <col min="5" max="5" width="17.28515625" style="45" customWidth="1"/>
    <col min="6" max="6" width="17.28515625" style="45" bestFit="1" customWidth="1"/>
    <col min="7" max="7" width="18.140625" style="45" bestFit="1" customWidth="1"/>
    <col min="8" max="8" width="17.28515625" style="1" bestFit="1" customWidth="1"/>
    <col min="9" max="9" width="8" style="1" bestFit="1" customWidth="1"/>
    <col min="10" max="10" width="3.28515625" style="1"/>
    <col min="11" max="11" width="27.42578125" style="1" customWidth="1"/>
    <col min="12" max="12" width="13.5703125" style="1" customWidth="1"/>
    <col min="13" max="16384" width="3.28515625" style="1"/>
  </cols>
  <sheetData>
    <row r="1" spans="1:7" s="26" customFormat="1" ht="14.25" x14ac:dyDescent="0.2">
      <c r="A1" s="342"/>
      <c r="B1" s="342"/>
      <c r="C1" s="342"/>
      <c r="D1" s="342"/>
      <c r="E1" s="342"/>
      <c r="F1" s="342"/>
      <c r="G1" s="342"/>
    </row>
    <row r="2" spans="1:7" s="26" customFormat="1" ht="14.25" x14ac:dyDescent="0.2">
      <c r="A2" s="342"/>
      <c r="B2" s="342"/>
      <c r="C2" s="342"/>
      <c r="D2" s="342"/>
      <c r="E2" s="342"/>
      <c r="F2" s="342"/>
      <c r="G2" s="342"/>
    </row>
    <row r="3" spans="1:7" s="45" customFormat="1" ht="10.5" x14ac:dyDescent="0.2">
      <c r="A3" s="740" t="s">
        <v>638</v>
      </c>
      <c r="B3" s="740"/>
      <c r="C3" s="740"/>
      <c r="D3" s="740"/>
      <c r="E3" s="740"/>
      <c r="F3" s="740"/>
      <c r="G3" s="740"/>
    </row>
    <row r="4" spans="1:7" s="45" customFormat="1" ht="10.5" x14ac:dyDescent="0.2">
      <c r="A4" s="740" t="s">
        <v>105</v>
      </c>
      <c r="B4" s="740"/>
      <c r="C4" s="740"/>
      <c r="D4" s="740"/>
      <c r="E4" s="740"/>
      <c r="F4" s="740"/>
      <c r="G4" s="740"/>
    </row>
    <row r="5" spans="1:7" s="45" customFormat="1" ht="10.5" x14ac:dyDescent="0.2">
      <c r="A5" s="740" t="s">
        <v>211</v>
      </c>
      <c r="B5" s="740"/>
      <c r="C5" s="740"/>
      <c r="D5" s="740"/>
      <c r="E5" s="740"/>
      <c r="F5" s="740"/>
      <c r="G5" s="740"/>
    </row>
    <row r="6" spans="1:7" s="45" customFormat="1" ht="10.5" customHeight="1" x14ac:dyDescent="0.2">
      <c r="A6" s="740" t="s">
        <v>107</v>
      </c>
      <c r="B6" s="740"/>
      <c r="C6" s="740"/>
      <c r="D6" s="740"/>
      <c r="E6" s="740"/>
      <c r="F6" s="740"/>
      <c r="G6" s="740"/>
    </row>
    <row r="7" spans="1:7" s="45" customFormat="1" ht="10.5" customHeight="1" x14ac:dyDescent="0.2">
      <c r="A7" s="740" t="s">
        <v>902</v>
      </c>
      <c r="B7" s="740"/>
      <c r="C7" s="740"/>
      <c r="D7" s="740"/>
      <c r="E7" s="740"/>
      <c r="F7" s="740"/>
      <c r="G7" s="740"/>
    </row>
    <row r="8" spans="1:7" s="26" customFormat="1" ht="10.5" x14ac:dyDescent="0.2"/>
    <row r="9" spans="1:7" s="26" customFormat="1" ht="10.5" x14ac:dyDescent="0.2">
      <c r="A9" s="125" t="s">
        <v>367</v>
      </c>
      <c r="G9" s="225">
        <v>1</v>
      </c>
    </row>
    <row r="10" spans="1:7" ht="15" customHeight="1" x14ac:dyDescent="0.2">
      <c r="A10" s="774" t="s">
        <v>213</v>
      </c>
      <c r="B10" s="749" t="s">
        <v>313</v>
      </c>
      <c r="C10" s="750"/>
      <c r="D10" s="750"/>
      <c r="E10" s="750"/>
      <c r="F10" s="750"/>
      <c r="G10" s="750"/>
    </row>
    <row r="11" spans="1:7" ht="15" customHeight="1" x14ac:dyDescent="0.2">
      <c r="A11" s="777"/>
      <c r="B11" s="749" t="s">
        <v>212</v>
      </c>
      <c r="C11" s="864"/>
      <c r="D11" s="775" t="s">
        <v>428</v>
      </c>
      <c r="E11" s="775" t="s">
        <v>218</v>
      </c>
      <c r="F11" s="775" t="s">
        <v>217</v>
      </c>
      <c r="G11" s="865" t="s">
        <v>427</v>
      </c>
    </row>
    <row r="12" spans="1:7" ht="10.5" customHeight="1" x14ac:dyDescent="0.2">
      <c r="A12" s="777"/>
      <c r="B12" s="214" t="s">
        <v>312</v>
      </c>
      <c r="C12" s="212" t="s">
        <v>214</v>
      </c>
      <c r="D12" s="804"/>
      <c r="E12" s="804"/>
      <c r="F12" s="804"/>
      <c r="G12" s="866"/>
    </row>
    <row r="13" spans="1:7" ht="10.5" x14ac:dyDescent="0.2">
      <c r="A13" s="777"/>
      <c r="B13" s="212" t="s">
        <v>215</v>
      </c>
      <c r="C13" s="212" t="s">
        <v>216</v>
      </c>
      <c r="D13" s="804"/>
      <c r="E13" s="804"/>
      <c r="F13" s="804"/>
      <c r="G13" s="866" t="s">
        <v>116</v>
      </c>
    </row>
    <row r="14" spans="1:7" ht="13.5" customHeight="1" x14ac:dyDescent="0.2">
      <c r="A14" s="778"/>
      <c r="B14" s="210" t="s">
        <v>219</v>
      </c>
      <c r="C14" s="210">
        <v>2015</v>
      </c>
      <c r="D14" s="776"/>
      <c r="E14" s="776"/>
      <c r="F14" s="776"/>
      <c r="G14" s="867"/>
    </row>
    <row r="15" spans="1:7" s="66" customFormat="1" ht="15" customHeight="1" x14ac:dyDescent="0.2">
      <c r="A15" s="219" t="s">
        <v>101</v>
      </c>
      <c r="B15" s="317">
        <v>14333847.229999999</v>
      </c>
      <c r="C15" s="317">
        <v>483413917.74000001</v>
      </c>
      <c r="D15" s="317">
        <v>181875956.25</v>
      </c>
      <c r="E15" s="317">
        <v>175679759.07000002</v>
      </c>
      <c r="F15" s="317">
        <v>307709.51</v>
      </c>
      <c r="G15" s="487">
        <v>321760296.38999999</v>
      </c>
    </row>
    <row r="16" spans="1:7" ht="10.5" x14ac:dyDescent="0.2">
      <c r="A16" s="26"/>
      <c r="B16" s="533"/>
      <c r="C16" s="533"/>
      <c r="D16" s="533"/>
      <c r="E16" s="533"/>
      <c r="F16" s="535"/>
      <c r="G16" s="535"/>
    </row>
    <row r="17" spans="1:12" s="66" customFormat="1" ht="10.5" x14ac:dyDescent="0.2">
      <c r="A17" s="219" t="s">
        <v>762</v>
      </c>
      <c r="B17" s="317">
        <v>14267825.689999999</v>
      </c>
      <c r="C17" s="317">
        <v>461435150.05000001</v>
      </c>
      <c r="D17" s="317">
        <v>168828319.28999999</v>
      </c>
      <c r="E17" s="544">
        <v>162647351.34</v>
      </c>
      <c r="F17" s="317">
        <v>307709.51</v>
      </c>
      <c r="G17" s="481">
        <v>312747914.88999999</v>
      </c>
    </row>
    <row r="18" spans="1:12" ht="10.5" x14ac:dyDescent="0.2">
      <c r="A18" s="26"/>
      <c r="B18" s="533"/>
      <c r="C18" s="533"/>
      <c r="D18" s="533"/>
      <c r="E18" s="533"/>
      <c r="F18" s="535"/>
      <c r="G18" s="535"/>
      <c r="K18" s="637" t="s">
        <v>213</v>
      </c>
      <c r="L18" s="637" t="s">
        <v>890</v>
      </c>
    </row>
    <row r="19" spans="1:12" s="66" customFormat="1" ht="10.5" x14ac:dyDescent="0.2">
      <c r="A19" s="227" t="s">
        <v>763</v>
      </c>
      <c r="B19" s="317">
        <v>0</v>
      </c>
      <c r="C19" s="317">
        <v>2405217.27</v>
      </c>
      <c r="D19" s="317">
        <v>2405217.27</v>
      </c>
      <c r="E19" s="317">
        <v>2405217.27</v>
      </c>
      <c r="F19" s="317">
        <v>0</v>
      </c>
      <c r="G19" s="481">
        <v>0</v>
      </c>
      <c r="K19" s="643" t="s">
        <v>763</v>
      </c>
      <c r="L19" s="642"/>
    </row>
    <row r="20" spans="1:12" ht="10.5" x14ac:dyDescent="0.2">
      <c r="A20" s="126" t="s">
        <v>764</v>
      </c>
      <c r="B20" s="317">
        <v>0</v>
      </c>
      <c r="C20" s="545">
        <v>0</v>
      </c>
      <c r="D20" s="545">
        <v>0</v>
      </c>
      <c r="E20" s="545">
        <v>0</v>
      </c>
      <c r="F20" s="546">
        <v>0</v>
      </c>
      <c r="G20" s="481">
        <v>0</v>
      </c>
      <c r="K20" s="644" t="s">
        <v>891</v>
      </c>
      <c r="L20" s="638">
        <v>10101</v>
      </c>
    </row>
    <row r="21" spans="1:12" ht="10.5" x14ac:dyDescent="0.2">
      <c r="A21" s="126" t="s">
        <v>765</v>
      </c>
      <c r="B21" s="317">
        <v>0</v>
      </c>
      <c r="C21" s="533">
        <v>781317.27</v>
      </c>
      <c r="D21" s="533">
        <v>781317.27</v>
      </c>
      <c r="E21" s="533">
        <v>781317.27</v>
      </c>
      <c r="F21" s="535">
        <v>0</v>
      </c>
      <c r="G21" s="481">
        <v>0</v>
      </c>
      <c r="K21" s="644" t="s">
        <v>892</v>
      </c>
      <c r="L21" s="639">
        <v>30101</v>
      </c>
    </row>
    <row r="22" spans="1:12" ht="10.5" x14ac:dyDescent="0.2">
      <c r="A22" s="126" t="s">
        <v>766</v>
      </c>
      <c r="B22" s="317">
        <v>0</v>
      </c>
      <c r="C22" s="533">
        <v>1623900</v>
      </c>
      <c r="D22" s="533">
        <v>1623900</v>
      </c>
      <c r="E22" s="533">
        <v>1623900</v>
      </c>
      <c r="F22" s="535">
        <v>0</v>
      </c>
      <c r="G22" s="535">
        <v>0</v>
      </c>
      <c r="K22" s="644" t="s">
        <v>893</v>
      </c>
      <c r="L22" s="639">
        <v>30901</v>
      </c>
    </row>
    <row r="23" spans="1:12" ht="10.5" x14ac:dyDescent="0.2">
      <c r="A23" s="26"/>
      <c r="B23" s="317"/>
      <c r="C23" s="533"/>
      <c r="D23" s="533"/>
      <c r="E23" s="533"/>
      <c r="F23" s="535"/>
      <c r="G23" s="535"/>
      <c r="K23" s="640"/>
      <c r="L23" s="211"/>
    </row>
    <row r="24" spans="1:12" s="66" customFormat="1" ht="10.5" x14ac:dyDescent="0.2">
      <c r="A24" s="227" t="s">
        <v>767</v>
      </c>
      <c r="B24" s="317">
        <v>66021.539999999994</v>
      </c>
      <c r="C24" s="317">
        <v>5174126.4400000004</v>
      </c>
      <c r="D24" s="317">
        <v>2769617.78</v>
      </c>
      <c r="E24" s="317">
        <v>2754388.55</v>
      </c>
      <c r="F24" s="317">
        <v>0</v>
      </c>
      <c r="G24" s="481">
        <v>2485759.4300000006</v>
      </c>
      <c r="K24" s="636" t="s">
        <v>763</v>
      </c>
      <c r="L24" s="641"/>
    </row>
    <row r="25" spans="1:12" ht="10.5" x14ac:dyDescent="0.2">
      <c r="A25" s="126" t="s">
        <v>768</v>
      </c>
      <c r="B25" s="317"/>
      <c r="C25" s="533">
        <v>0</v>
      </c>
      <c r="D25" s="533">
        <v>0</v>
      </c>
      <c r="E25" s="533">
        <v>0</v>
      </c>
      <c r="F25" s="535">
        <v>0</v>
      </c>
      <c r="G25" s="535">
        <v>0</v>
      </c>
      <c r="K25" s="644" t="s">
        <v>894</v>
      </c>
      <c r="L25" s="639">
        <v>50101</v>
      </c>
    </row>
    <row r="26" spans="1:12" s="218" customFormat="1" ht="10.5" x14ac:dyDescent="0.2">
      <c r="A26" s="126" t="s">
        <v>769</v>
      </c>
      <c r="B26" s="533">
        <v>66021.539999999994</v>
      </c>
      <c r="C26" s="533">
        <v>5174126.4400000004</v>
      </c>
      <c r="D26" s="533">
        <v>2769617.78</v>
      </c>
      <c r="E26" s="533">
        <v>2754388.55</v>
      </c>
      <c r="F26" s="535">
        <v>0</v>
      </c>
      <c r="G26" s="535">
        <v>2485759.4300000006</v>
      </c>
      <c r="K26" s="644" t="s">
        <v>895</v>
      </c>
      <c r="L26" s="639">
        <v>50901</v>
      </c>
    </row>
    <row r="27" spans="1:12" s="218" customFormat="1" ht="10.5" x14ac:dyDescent="0.2">
      <c r="A27" s="26"/>
      <c r="B27" s="317"/>
      <c r="C27" s="533"/>
      <c r="D27" s="533"/>
      <c r="E27" s="533"/>
      <c r="F27" s="535"/>
      <c r="G27" s="535"/>
      <c r="K27" s="640"/>
      <c r="L27" s="211"/>
    </row>
    <row r="28" spans="1:12" s="66" customFormat="1" ht="10.5" x14ac:dyDescent="0.2">
      <c r="A28" s="227" t="s">
        <v>230</v>
      </c>
      <c r="B28" s="317">
        <v>0</v>
      </c>
      <c r="C28" s="317">
        <v>14399423.979999999</v>
      </c>
      <c r="D28" s="317">
        <v>7872801.9100000001</v>
      </c>
      <c r="E28" s="317">
        <v>7872801.9100000001</v>
      </c>
      <c r="F28" s="317">
        <v>0</v>
      </c>
      <c r="G28" s="481">
        <v>6526622.0699999994</v>
      </c>
      <c r="K28" s="643" t="s">
        <v>230</v>
      </c>
      <c r="L28" s="642"/>
    </row>
    <row r="29" spans="1:12" s="218" customFormat="1" ht="10.5" x14ac:dyDescent="0.2">
      <c r="A29" s="126" t="s">
        <v>770</v>
      </c>
      <c r="B29" s="533">
        <v>0</v>
      </c>
      <c r="C29" s="533">
        <v>14356092.779999999</v>
      </c>
      <c r="D29" s="533">
        <v>7860340.71</v>
      </c>
      <c r="E29" s="533">
        <v>7860340.71</v>
      </c>
      <c r="F29" s="535">
        <v>0</v>
      </c>
      <c r="G29" s="535">
        <v>6495752.0699999994</v>
      </c>
      <c r="K29" s="644" t="s">
        <v>896</v>
      </c>
      <c r="L29" s="639">
        <v>70101</v>
      </c>
    </row>
    <row r="30" spans="1:12" s="218" customFormat="1" ht="10.5" x14ac:dyDescent="0.2">
      <c r="A30" s="126" t="s">
        <v>771</v>
      </c>
      <c r="B30" s="533">
        <v>0</v>
      </c>
      <c r="C30" s="533">
        <v>43331.199999999997</v>
      </c>
      <c r="D30" s="533">
        <v>12461.2</v>
      </c>
      <c r="E30" s="533">
        <v>12461.2</v>
      </c>
      <c r="F30" s="535">
        <v>0</v>
      </c>
      <c r="G30" s="535">
        <v>30869.999999999996</v>
      </c>
      <c r="K30" s="644" t="s">
        <v>897</v>
      </c>
      <c r="L30" s="639">
        <v>70901</v>
      </c>
    </row>
    <row r="31" spans="1:12" s="218" customFormat="1" ht="10.5" x14ac:dyDescent="0.2">
      <c r="A31" s="26"/>
      <c r="B31" s="317"/>
      <c r="C31" s="533"/>
      <c r="D31" s="533" t="s">
        <v>908</v>
      </c>
      <c r="E31" s="533"/>
      <c r="F31" s="535"/>
      <c r="G31" s="481"/>
    </row>
    <row r="32" spans="1:12" s="66" customFormat="1" ht="10.5" x14ac:dyDescent="0.2">
      <c r="A32" s="227" t="s">
        <v>102</v>
      </c>
      <c r="B32" s="317">
        <v>0</v>
      </c>
      <c r="C32" s="317">
        <v>15513182.24</v>
      </c>
      <c r="D32" s="317">
        <v>13287466.439999999</v>
      </c>
      <c r="E32" s="317">
        <v>12075431.93</v>
      </c>
      <c r="F32" s="317">
        <v>0</v>
      </c>
      <c r="G32" s="481">
        <v>3437750.3100000005</v>
      </c>
    </row>
    <row r="33" spans="1:12" s="218" customFormat="1" ht="10.5" x14ac:dyDescent="0.2">
      <c r="A33" s="227"/>
      <c r="B33" s="317"/>
      <c r="C33" s="533"/>
      <c r="D33" s="533"/>
      <c r="E33" s="533"/>
      <c r="F33" s="535"/>
      <c r="G33" s="481"/>
    </row>
    <row r="34" spans="1:12" s="66" customFormat="1" ht="10.5" x14ac:dyDescent="0.2">
      <c r="A34" s="227" t="s">
        <v>762</v>
      </c>
      <c r="B34" s="317">
        <v>0</v>
      </c>
      <c r="C34" s="317">
        <v>15513182.24</v>
      </c>
      <c r="D34" s="317">
        <v>13287466.439999999</v>
      </c>
      <c r="E34" s="317">
        <v>12075431.93</v>
      </c>
      <c r="F34" s="481">
        <v>0</v>
      </c>
      <c r="G34" s="481">
        <v>3437750.3100000005</v>
      </c>
    </row>
    <row r="35" spans="1:12" s="218" customFormat="1" ht="10.5" x14ac:dyDescent="0.2">
      <c r="A35" s="227"/>
      <c r="B35" s="317"/>
      <c r="C35" s="533"/>
      <c r="D35" s="533"/>
      <c r="E35" s="533"/>
      <c r="F35" s="535"/>
      <c r="G35" s="535"/>
    </row>
    <row r="36" spans="1:12" s="66" customFormat="1" ht="10.5" x14ac:dyDescent="0.2">
      <c r="A36" s="227" t="s">
        <v>763</v>
      </c>
      <c r="B36" s="317">
        <v>0</v>
      </c>
      <c r="C36" s="317">
        <v>0</v>
      </c>
      <c r="D36" s="317">
        <v>0</v>
      </c>
      <c r="E36" s="317">
        <v>0</v>
      </c>
      <c r="F36" s="317">
        <v>0</v>
      </c>
      <c r="G36" s="481">
        <v>0</v>
      </c>
    </row>
    <row r="37" spans="1:12" s="218" customFormat="1" ht="10.5" x14ac:dyDescent="0.2">
      <c r="A37" s="126" t="s">
        <v>764</v>
      </c>
      <c r="B37" s="317"/>
      <c r="C37" s="533"/>
      <c r="D37" s="533"/>
      <c r="E37" s="533"/>
      <c r="F37" s="535"/>
      <c r="G37" s="481">
        <v>0</v>
      </c>
    </row>
    <row r="38" spans="1:12" s="218" customFormat="1" ht="10.5" x14ac:dyDescent="0.2">
      <c r="A38" s="126" t="s">
        <v>765</v>
      </c>
      <c r="B38" s="317"/>
      <c r="C38" s="533"/>
      <c r="D38" s="533"/>
      <c r="E38" s="533"/>
      <c r="F38" s="535"/>
      <c r="G38" s="481">
        <v>0</v>
      </c>
    </row>
    <row r="39" spans="1:12" s="218" customFormat="1" ht="10.5" x14ac:dyDescent="0.2">
      <c r="A39" s="126" t="s">
        <v>766</v>
      </c>
      <c r="B39" s="317"/>
      <c r="C39" s="533"/>
      <c r="D39" s="533"/>
      <c r="E39" s="533"/>
      <c r="F39" s="535"/>
      <c r="G39" s="481">
        <v>0</v>
      </c>
      <c r="K39" s="126"/>
    </row>
    <row r="40" spans="1:12" s="218" customFormat="1" ht="10.5" x14ac:dyDescent="0.2">
      <c r="A40" s="126"/>
      <c r="B40" s="317"/>
      <c r="C40" s="533"/>
      <c r="D40" s="533"/>
      <c r="E40" s="533"/>
      <c r="F40" s="535"/>
      <c r="G40" s="481"/>
    </row>
    <row r="41" spans="1:12" s="66" customFormat="1" ht="10.5" x14ac:dyDescent="0.2">
      <c r="A41" s="227" t="s">
        <v>767</v>
      </c>
      <c r="B41" s="317">
        <v>0</v>
      </c>
      <c r="C41" s="317">
        <v>0</v>
      </c>
      <c r="D41" s="317">
        <v>0</v>
      </c>
      <c r="E41" s="317">
        <v>0</v>
      </c>
      <c r="F41" s="317">
        <v>0</v>
      </c>
      <c r="G41" s="481">
        <v>0</v>
      </c>
    </row>
    <row r="42" spans="1:12" s="218" customFormat="1" ht="10.5" x14ac:dyDescent="0.2">
      <c r="A42" s="126" t="s">
        <v>768</v>
      </c>
      <c r="B42" s="317"/>
      <c r="C42" s="533"/>
      <c r="D42" s="533"/>
      <c r="E42" s="533"/>
      <c r="F42" s="535"/>
      <c r="G42" s="481">
        <v>0</v>
      </c>
    </row>
    <row r="43" spans="1:12" s="218" customFormat="1" ht="10.5" x14ac:dyDescent="0.2">
      <c r="A43" s="126" t="s">
        <v>769</v>
      </c>
      <c r="B43" s="317"/>
      <c r="C43" s="533"/>
      <c r="D43" s="533"/>
      <c r="E43" s="533"/>
      <c r="F43" s="535"/>
      <c r="G43" s="481">
        <v>0</v>
      </c>
    </row>
    <row r="44" spans="1:12" s="218" customFormat="1" ht="10.5" x14ac:dyDescent="0.2">
      <c r="A44" s="126"/>
      <c r="B44" s="317"/>
      <c r="C44" s="533"/>
      <c r="D44" s="533"/>
      <c r="E44" s="533"/>
      <c r="F44" s="535"/>
      <c r="G44" s="481"/>
    </row>
    <row r="45" spans="1:12" s="66" customFormat="1" ht="10.5" x14ac:dyDescent="0.2">
      <c r="A45" s="227" t="s">
        <v>230</v>
      </c>
      <c r="B45" s="317">
        <v>0</v>
      </c>
      <c r="C45" s="317">
        <v>0</v>
      </c>
      <c r="D45" s="317">
        <v>0</v>
      </c>
      <c r="E45" s="317">
        <v>0</v>
      </c>
      <c r="F45" s="317">
        <v>0</v>
      </c>
      <c r="G45" s="481">
        <v>0</v>
      </c>
    </row>
    <row r="46" spans="1:12" s="218" customFormat="1" ht="10.5" x14ac:dyDescent="0.2">
      <c r="A46" s="126" t="s">
        <v>770</v>
      </c>
      <c r="B46" s="533"/>
      <c r="C46" s="533"/>
      <c r="D46" s="533"/>
      <c r="E46" s="533"/>
      <c r="F46" s="535"/>
      <c r="G46" s="481">
        <v>0</v>
      </c>
      <c r="K46" s="695" t="s">
        <v>909</v>
      </c>
    </row>
    <row r="47" spans="1:12" ht="15" customHeight="1" x14ac:dyDescent="0.2">
      <c r="A47" s="126" t="s">
        <v>771</v>
      </c>
      <c r="B47" s="533"/>
      <c r="C47" s="533"/>
      <c r="D47" s="533"/>
      <c r="E47" s="533"/>
      <c r="F47" s="535"/>
      <c r="G47" s="481">
        <v>0</v>
      </c>
      <c r="H47" s="264" t="s">
        <v>863</v>
      </c>
    </row>
    <row r="48" spans="1:12" ht="15" customHeight="1" x14ac:dyDescent="0.2">
      <c r="A48" s="27" t="s">
        <v>222</v>
      </c>
      <c r="B48" s="436">
        <v>14333847.229999999</v>
      </c>
      <c r="C48" s="436">
        <v>498927099.98000002</v>
      </c>
      <c r="D48" s="361">
        <v>195163422.69</v>
      </c>
      <c r="E48" s="361">
        <v>187755191.00000003</v>
      </c>
      <c r="F48" s="361">
        <v>307709.51</v>
      </c>
      <c r="G48" s="478">
        <v>325198046.69999999</v>
      </c>
      <c r="H48" s="456">
        <v>3544845.45</v>
      </c>
      <c r="I48" s="264" t="s">
        <v>868</v>
      </c>
      <c r="J48" s="66"/>
      <c r="K48" s="457" t="s">
        <v>866</v>
      </c>
      <c r="L48" s="409">
        <v>12560.58</v>
      </c>
    </row>
    <row r="49" spans="1:12" ht="10.5" x14ac:dyDescent="0.2">
      <c r="A49" s="65"/>
      <c r="B49" s="299"/>
      <c r="C49" s="1"/>
      <c r="D49" s="204"/>
      <c r="E49" s="204"/>
      <c r="F49" s="1"/>
      <c r="G49" s="111"/>
      <c r="H49" s="456">
        <v>191618577.24000001</v>
      </c>
      <c r="I49" s="264" t="s">
        <v>865</v>
      </c>
      <c r="J49" s="455"/>
      <c r="K49" s="457" t="s">
        <v>867</v>
      </c>
      <c r="L49" s="409"/>
    </row>
    <row r="50" spans="1:12" ht="30" customHeight="1" x14ac:dyDescent="0.2">
      <c r="A50" s="774" t="s">
        <v>213</v>
      </c>
      <c r="B50" s="790" t="s">
        <v>534</v>
      </c>
      <c r="C50" s="791"/>
      <c r="D50" s="791"/>
      <c r="E50" s="791"/>
      <c r="F50" s="819"/>
      <c r="G50" s="788" t="s">
        <v>453</v>
      </c>
      <c r="H50" s="1">
        <v>3531961.47</v>
      </c>
      <c r="I50" s="456"/>
    </row>
    <row r="51" spans="1:12" ht="15" customHeight="1" x14ac:dyDescent="0.2">
      <c r="A51" s="777"/>
      <c r="B51" s="749" t="s">
        <v>212</v>
      </c>
      <c r="C51" s="864"/>
      <c r="D51" s="775" t="s">
        <v>218</v>
      </c>
      <c r="E51" s="775" t="s">
        <v>217</v>
      </c>
      <c r="F51" s="865" t="s">
        <v>427</v>
      </c>
      <c r="G51" s="807"/>
      <c r="H51" s="264" t="s">
        <v>864</v>
      </c>
    </row>
    <row r="52" spans="1:12" ht="11.25" customHeight="1" x14ac:dyDescent="0.2">
      <c r="A52" s="777"/>
      <c r="B52" s="208" t="s">
        <v>312</v>
      </c>
      <c r="C52" s="209" t="s">
        <v>214</v>
      </c>
      <c r="D52" s="804"/>
      <c r="E52" s="804"/>
      <c r="F52" s="866"/>
      <c r="G52" s="807"/>
      <c r="H52" s="456">
        <v>49335279.899999999</v>
      </c>
      <c r="I52" s="264" t="s">
        <v>868</v>
      </c>
    </row>
    <row r="53" spans="1:12" ht="11.25" customHeight="1" x14ac:dyDescent="0.2">
      <c r="A53" s="777"/>
      <c r="B53" s="212" t="s">
        <v>215</v>
      </c>
      <c r="C53" s="212" t="s">
        <v>216</v>
      </c>
      <c r="D53" s="804"/>
      <c r="E53" s="804"/>
      <c r="F53" s="866" t="s">
        <v>117</v>
      </c>
      <c r="G53" s="807"/>
      <c r="H53" s="456">
        <v>-138419911.10000002</v>
      </c>
      <c r="I53" s="264" t="s">
        <v>865</v>
      </c>
    </row>
    <row r="54" spans="1:12" ht="11.25" customHeight="1" x14ac:dyDescent="0.2">
      <c r="A54" s="778"/>
      <c r="B54" s="210" t="s">
        <v>219</v>
      </c>
      <c r="C54" s="210">
        <v>2015</v>
      </c>
      <c r="D54" s="776"/>
      <c r="E54" s="776"/>
      <c r="F54" s="867"/>
      <c r="G54" s="789"/>
    </row>
    <row r="55" spans="1:12" s="66" customFormat="1" ht="14.25" customHeight="1" x14ac:dyDescent="0.2">
      <c r="A55" s="219" t="s">
        <v>101</v>
      </c>
      <c r="B55" s="317">
        <v>31519345.219999999</v>
      </c>
      <c r="C55" s="317">
        <v>207791194.78</v>
      </c>
      <c r="D55" s="317">
        <v>147621686.60999998</v>
      </c>
      <c r="E55" s="317">
        <v>113915.96</v>
      </c>
      <c r="F55" s="317">
        <v>91574937.430000037</v>
      </c>
      <c r="G55" s="318">
        <v>413335233.82000005</v>
      </c>
    </row>
    <row r="56" spans="1:12" s="218" customFormat="1" ht="11.25" customHeight="1" x14ac:dyDescent="0.2">
      <c r="A56" s="26"/>
      <c r="B56" s="317"/>
      <c r="C56" s="500"/>
      <c r="D56" s="500"/>
      <c r="E56" s="500"/>
      <c r="F56" s="500"/>
      <c r="G56" s="460"/>
    </row>
    <row r="57" spans="1:12" s="66" customFormat="1" ht="11.25" customHeight="1" x14ac:dyDescent="0.2">
      <c r="A57" s="219" t="s">
        <v>762</v>
      </c>
      <c r="B57" s="317">
        <v>31508651.390000001</v>
      </c>
      <c r="C57" s="506">
        <v>167590925.71000001</v>
      </c>
      <c r="D57" s="506">
        <v>110022381.73999999</v>
      </c>
      <c r="E57" s="506">
        <v>113915.96</v>
      </c>
      <c r="F57" s="421">
        <v>88963279.400000036</v>
      </c>
      <c r="G57" s="318">
        <v>401711194.29000002</v>
      </c>
      <c r="H57" s="205"/>
    </row>
    <row r="58" spans="1:12" s="218" customFormat="1" ht="11.25" customHeight="1" x14ac:dyDescent="0.2">
      <c r="A58" s="26"/>
      <c r="B58" s="317"/>
      <c r="C58" s="500"/>
      <c r="D58" s="500"/>
      <c r="E58" s="500"/>
      <c r="F58" s="500"/>
      <c r="G58" s="460"/>
    </row>
    <row r="59" spans="1:12" s="66" customFormat="1" ht="11.25" customHeight="1" x14ac:dyDescent="0.2">
      <c r="A59" s="227" t="s">
        <v>763</v>
      </c>
      <c r="B59" s="317">
        <v>0</v>
      </c>
      <c r="C59" s="317">
        <v>13672649.220000001</v>
      </c>
      <c r="D59" s="317">
        <v>11430163.35</v>
      </c>
      <c r="E59" s="317">
        <v>0</v>
      </c>
      <c r="F59" s="317">
        <v>2242485.870000001</v>
      </c>
      <c r="G59" s="318">
        <v>2242485.870000001</v>
      </c>
    </row>
    <row r="60" spans="1:12" s="218" customFormat="1" ht="11.25" customHeight="1" x14ac:dyDescent="0.2">
      <c r="A60" s="126" t="s">
        <v>764</v>
      </c>
      <c r="B60" s="317">
        <v>0</v>
      </c>
      <c r="C60" s="500">
        <v>13069717.07</v>
      </c>
      <c r="D60" s="500">
        <v>10827231.199999999</v>
      </c>
      <c r="E60" s="500">
        <v>0</v>
      </c>
      <c r="F60" s="423">
        <v>2242485.870000001</v>
      </c>
      <c r="G60" s="460">
        <v>2242485.870000001</v>
      </c>
    </row>
    <row r="61" spans="1:12" s="218" customFormat="1" ht="11.25" customHeight="1" x14ac:dyDescent="0.2">
      <c r="A61" s="126" t="s">
        <v>765</v>
      </c>
      <c r="B61" s="533">
        <v>0</v>
      </c>
      <c r="C61" s="500">
        <v>602932.15</v>
      </c>
      <c r="D61" s="500">
        <v>602932.15</v>
      </c>
      <c r="E61" s="500">
        <v>0</v>
      </c>
      <c r="F61" s="423">
        <v>0</v>
      </c>
      <c r="G61" s="460">
        <v>0</v>
      </c>
    </row>
    <row r="62" spans="1:12" s="218" customFormat="1" ht="11.25" customHeight="1" x14ac:dyDescent="0.2">
      <c r="A62" s="126" t="s">
        <v>766</v>
      </c>
      <c r="B62" s="317">
        <v>0</v>
      </c>
      <c r="C62" s="500">
        <v>0</v>
      </c>
      <c r="D62" s="500">
        <v>0</v>
      </c>
      <c r="E62" s="500">
        <v>0</v>
      </c>
      <c r="F62" s="423">
        <v>0</v>
      </c>
      <c r="G62" s="460">
        <v>0</v>
      </c>
    </row>
    <row r="63" spans="1:12" s="218" customFormat="1" ht="11.25" customHeight="1" x14ac:dyDescent="0.2">
      <c r="A63" s="26"/>
      <c r="B63" s="317"/>
      <c r="C63" s="500"/>
      <c r="D63" s="500"/>
      <c r="E63" s="500"/>
      <c r="F63" s="500"/>
      <c r="G63" s="460"/>
    </row>
    <row r="64" spans="1:12" s="66" customFormat="1" ht="11.25" customHeight="1" x14ac:dyDescent="0.2">
      <c r="A64" s="227" t="s">
        <v>767</v>
      </c>
      <c r="B64" s="317">
        <v>4555.7</v>
      </c>
      <c r="C64" s="317">
        <v>26495802.789999999</v>
      </c>
      <c r="D64" s="317">
        <v>26137324.460000001</v>
      </c>
      <c r="E64" s="317">
        <v>0</v>
      </c>
      <c r="F64" s="317">
        <v>363034.03000000026</v>
      </c>
      <c r="G64" s="318">
        <v>2848793.4600000009</v>
      </c>
    </row>
    <row r="65" spans="1:7" s="218" customFormat="1" ht="11.25" customHeight="1" x14ac:dyDescent="0.2">
      <c r="A65" s="126" t="s">
        <v>768</v>
      </c>
      <c r="B65" s="533">
        <v>22</v>
      </c>
      <c r="C65" s="500">
        <v>20689211.73</v>
      </c>
      <c r="D65" s="500">
        <v>20341691.57</v>
      </c>
      <c r="E65" s="500"/>
      <c r="F65" s="423">
        <v>347542.16000000015</v>
      </c>
      <c r="G65" s="460">
        <v>347542.16000000015</v>
      </c>
    </row>
    <row r="66" spans="1:7" s="218" customFormat="1" ht="11.25" customHeight="1" x14ac:dyDescent="0.2">
      <c r="A66" s="126" t="s">
        <v>769</v>
      </c>
      <c r="B66" s="533">
        <v>4533.7</v>
      </c>
      <c r="C66" s="500">
        <v>5806591.0599999996</v>
      </c>
      <c r="D66" s="500">
        <v>5795632.8899999997</v>
      </c>
      <c r="E66" s="500"/>
      <c r="F66" s="423">
        <v>15491.870000000112</v>
      </c>
      <c r="G66" s="460">
        <v>2501251.3000000007</v>
      </c>
    </row>
    <row r="67" spans="1:7" s="218" customFormat="1" ht="11.25" customHeight="1" x14ac:dyDescent="0.2">
      <c r="A67" s="26"/>
      <c r="B67" s="317"/>
      <c r="C67" s="500"/>
      <c r="D67" s="500"/>
      <c r="E67" s="500"/>
      <c r="F67" s="500"/>
      <c r="G67" s="460"/>
    </row>
    <row r="68" spans="1:7" s="66" customFormat="1" ht="11.25" customHeight="1" x14ac:dyDescent="0.2">
      <c r="A68" s="227" t="s">
        <v>230</v>
      </c>
      <c r="B68" s="317">
        <v>6138.13</v>
      </c>
      <c r="C68" s="317">
        <v>31817.06</v>
      </c>
      <c r="D68" s="317">
        <v>31817.06</v>
      </c>
      <c r="E68" s="317">
        <v>0</v>
      </c>
      <c r="F68" s="317">
        <v>6138.130000000001</v>
      </c>
      <c r="G68" s="318">
        <v>6532760.1999999993</v>
      </c>
    </row>
    <row r="69" spans="1:7" s="218" customFormat="1" ht="11.25" customHeight="1" x14ac:dyDescent="0.2">
      <c r="A69" s="126" t="s">
        <v>770</v>
      </c>
      <c r="B69" s="533">
        <v>6138.13</v>
      </c>
      <c r="C69" s="500">
        <v>31817.06</v>
      </c>
      <c r="D69" s="500">
        <v>31817.06</v>
      </c>
      <c r="E69" s="500">
        <v>0</v>
      </c>
      <c r="F69" s="423">
        <v>6138.130000000001</v>
      </c>
      <c r="G69" s="460">
        <v>6501890.1999999993</v>
      </c>
    </row>
    <row r="70" spans="1:7" s="218" customFormat="1" ht="11.25" customHeight="1" x14ac:dyDescent="0.2">
      <c r="A70" s="126" t="s">
        <v>771</v>
      </c>
      <c r="B70" s="317">
        <v>0</v>
      </c>
      <c r="C70" s="500">
        <v>0</v>
      </c>
      <c r="D70" s="500">
        <v>0</v>
      </c>
      <c r="E70" s="500">
        <v>0</v>
      </c>
      <c r="F70" s="423">
        <v>0</v>
      </c>
      <c r="G70" s="460">
        <v>30869.999999999996</v>
      </c>
    </row>
    <row r="71" spans="1:7" s="218" customFormat="1" ht="11.25" customHeight="1" x14ac:dyDescent="0.2">
      <c r="A71" s="26"/>
      <c r="B71" s="317"/>
      <c r="C71" s="500"/>
      <c r="D71" s="500"/>
      <c r="E71" s="500"/>
      <c r="F71" s="500"/>
      <c r="G71" s="460"/>
    </row>
    <row r="72" spans="1:7" s="66" customFormat="1" ht="11.25" customHeight="1" x14ac:dyDescent="0.2">
      <c r="A72" s="227" t="s">
        <v>102</v>
      </c>
      <c r="B72" s="317">
        <v>1729933.74</v>
      </c>
      <c r="C72" s="317">
        <v>24549922.790000003</v>
      </c>
      <c r="D72" s="317">
        <v>18504295.129999999</v>
      </c>
      <c r="E72" s="317">
        <v>0</v>
      </c>
      <c r="F72" s="317">
        <v>7775561.4000000004</v>
      </c>
      <c r="G72" s="318">
        <v>11213311.710000001</v>
      </c>
    </row>
    <row r="73" spans="1:7" s="218" customFormat="1" ht="11.25" customHeight="1" x14ac:dyDescent="0.2">
      <c r="A73" s="227"/>
      <c r="B73" s="317"/>
      <c r="C73" s="500"/>
      <c r="D73" s="500"/>
      <c r="E73" s="500"/>
      <c r="F73" s="500"/>
      <c r="G73" s="687"/>
    </row>
    <row r="74" spans="1:7" s="66" customFormat="1" ht="11.25" customHeight="1" x14ac:dyDescent="0.2">
      <c r="A74" s="227" t="s">
        <v>762</v>
      </c>
      <c r="B74" s="317">
        <v>1729933.74</v>
      </c>
      <c r="C74" s="506">
        <v>16299457.6</v>
      </c>
      <c r="D74" s="506">
        <v>10253829.939999999</v>
      </c>
      <c r="E74" s="506"/>
      <c r="F74" s="506">
        <v>7775561.4000000004</v>
      </c>
      <c r="G74" s="318">
        <v>11213311.710000001</v>
      </c>
    </row>
    <row r="75" spans="1:7" s="218" customFormat="1" ht="11.25" customHeight="1" x14ac:dyDescent="0.2">
      <c r="A75" s="227"/>
      <c r="B75" s="317"/>
      <c r="C75" s="500"/>
      <c r="D75" s="500"/>
      <c r="E75" s="500"/>
      <c r="F75" s="500"/>
      <c r="G75" s="460"/>
    </row>
    <row r="76" spans="1:7" s="66" customFormat="1" ht="11.25" customHeight="1" x14ac:dyDescent="0.2">
      <c r="A76" s="227" t="s">
        <v>763</v>
      </c>
      <c r="B76" s="317">
        <v>0</v>
      </c>
      <c r="C76" s="317">
        <v>1437581</v>
      </c>
      <c r="D76" s="317">
        <v>1437581</v>
      </c>
      <c r="E76" s="317">
        <v>0</v>
      </c>
      <c r="F76" s="317">
        <v>0</v>
      </c>
      <c r="G76" s="318">
        <v>0</v>
      </c>
    </row>
    <row r="77" spans="1:7" s="218" customFormat="1" ht="11.25" customHeight="1" x14ac:dyDescent="0.2">
      <c r="A77" s="126" t="s">
        <v>764</v>
      </c>
      <c r="B77" s="317">
        <v>0</v>
      </c>
      <c r="C77" s="500">
        <v>1437581</v>
      </c>
      <c r="D77" s="500">
        <v>1437581</v>
      </c>
      <c r="E77" s="500"/>
      <c r="F77" s="423">
        <v>0</v>
      </c>
      <c r="G77" s="318">
        <v>0</v>
      </c>
    </row>
    <row r="78" spans="1:7" s="218" customFormat="1" ht="11.25" customHeight="1" x14ac:dyDescent="0.2">
      <c r="A78" s="126" t="s">
        <v>765</v>
      </c>
      <c r="B78" s="317">
        <v>0</v>
      </c>
      <c r="C78" s="500">
        <v>0</v>
      </c>
      <c r="D78" s="500">
        <v>0</v>
      </c>
      <c r="E78" s="500"/>
      <c r="F78" s="423">
        <v>0</v>
      </c>
      <c r="G78" s="318">
        <v>0</v>
      </c>
    </row>
    <row r="79" spans="1:7" s="218" customFormat="1" ht="11.25" customHeight="1" x14ac:dyDescent="0.2">
      <c r="A79" s="126" t="s">
        <v>766</v>
      </c>
      <c r="B79" s="317">
        <v>0</v>
      </c>
      <c r="C79" s="500">
        <v>0</v>
      </c>
      <c r="D79" s="500"/>
      <c r="E79" s="500"/>
      <c r="F79" s="423">
        <v>0</v>
      </c>
      <c r="G79" s="318">
        <v>0</v>
      </c>
    </row>
    <row r="80" spans="1:7" s="218" customFormat="1" ht="11.25" customHeight="1" x14ac:dyDescent="0.2">
      <c r="A80" s="126"/>
      <c r="B80" s="317"/>
      <c r="C80" s="500"/>
      <c r="D80" s="500"/>
      <c r="E80" s="500"/>
      <c r="F80" s="500"/>
      <c r="G80" s="460"/>
    </row>
    <row r="81" spans="1:7" s="66" customFormat="1" ht="11.25" customHeight="1" x14ac:dyDescent="0.2">
      <c r="A81" s="227" t="s">
        <v>767</v>
      </c>
      <c r="B81" s="317">
        <v>0</v>
      </c>
      <c r="C81" s="317">
        <v>6812884.1900000004</v>
      </c>
      <c r="D81" s="317">
        <v>6812884.1900000004</v>
      </c>
      <c r="E81" s="317">
        <v>0</v>
      </c>
      <c r="F81" s="317">
        <v>0</v>
      </c>
      <c r="G81" s="318">
        <v>0</v>
      </c>
    </row>
    <row r="82" spans="1:7" s="218" customFormat="1" ht="11.25" customHeight="1" x14ac:dyDescent="0.2">
      <c r="A82" s="126" t="s">
        <v>768</v>
      </c>
      <c r="B82" s="317">
        <v>0</v>
      </c>
      <c r="C82" s="500">
        <v>6812884.1900000004</v>
      </c>
      <c r="D82" s="500">
        <v>6812884.1900000004</v>
      </c>
      <c r="E82" s="500"/>
      <c r="F82" s="423">
        <v>0</v>
      </c>
      <c r="G82" s="318">
        <v>0</v>
      </c>
    </row>
    <row r="83" spans="1:7" s="218" customFormat="1" ht="11.25" customHeight="1" x14ac:dyDescent="0.2">
      <c r="A83" s="126" t="s">
        <v>769</v>
      </c>
      <c r="B83" s="317">
        <v>0</v>
      </c>
      <c r="C83" s="500">
        <v>0</v>
      </c>
      <c r="D83" s="500">
        <v>0</v>
      </c>
      <c r="E83" s="500"/>
      <c r="F83" s="423">
        <v>0</v>
      </c>
      <c r="G83" s="318">
        <v>0</v>
      </c>
    </row>
    <row r="84" spans="1:7" s="218" customFormat="1" ht="11.25" customHeight="1" x14ac:dyDescent="0.2">
      <c r="A84" s="126"/>
      <c r="B84" s="317"/>
      <c r="C84" s="500"/>
      <c r="D84" s="500"/>
      <c r="E84" s="500"/>
      <c r="F84" s="500"/>
      <c r="G84" s="460"/>
    </row>
    <row r="85" spans="1:7" s="66" customFormat="1" ht="11.25" customHeight="1" x14ac:dyDescent="0.2">
      <c r="A85" s="227" t="s">
        <v>230</v>
      </c>
      <c r="B85" s="317">
        <v>0</v>
      </c>
      <c r="C85" s="317">
        <v>0</v>
      </c>
      <c r="D85" s="317">
        <v>0</v>
      </c>
      <c r="E85" s="317">
        <v>0</v>
      </c>
      <c r="F85" s="317">
        <v>0</v>
      </c>
      <c r="G85" s="318">
        <v>0</v>
      </c>
    </row>
    <row r="86" spans="1:7" s="218" customFormat="1" ht="11.25" customHeight="1" x14ac:dyDescent="0.2">
      <c r="A86" s="126" t="s">
        <v>770</v>
      </c>
      <c r="B86" s="317">
        <v>0</v>
      </c>
      <c r="C86" s="500">
        <v>0</v>
      </c>
      <c r="D86" s="500">
        <v>0</v>
      </c>
      <c r="E86" s="500">
        <v>0</v>
      </c>
      <c r="F86" s="423">
        <v>0</v>
      </c>
      <c r="G86" s="460">
        <v>0</v>
      </c>
    </row>
    <row r="87" spans="1:7" s="218" customFormat="1" ht="14.25" customHeight="1" x14ac:dyDescent="0.2">
      <c r="A87" s="126" t="s">
        <v>771</v>
      </c>
      <c r="B87" s="317"/>
      <c r="C87" s="500"/>
      <c r="D87" s="500"/>
      <c r="E87" s="500"/>
      <c r="F87" s="423">
        <v>0</v>
      </c>
      <c r="G87" s="460">
        <v>0</v>
      </c>
    </row>
    <row r="88" spans="1:7" s="66" customFormat="1" ht="15" customHeight="1" x14ac:dyDescent="0.2">
      <c r="A88" s="27" t="s">
        <v>222</v>
      </c>
      <c r="B88" s="436">
        <v>33249278.959999997</v>
      </c>
      <c r="C88" s="436">
        <v>232341117.56999999</v>
      </c>
      <c r="D88" s="436">
        <v>166125981.73999998</v>
      </c>
      <c r="E88" s="436">
        <v>113915.96</v>
      </c>
      <c r="F88" s="436">
        <v>99350498.830000043</v>
      </c>
      <c r="G88" s="436">
        <v>424548545.53000003</v>
      </c>
    </row>
    <row r="89" spans="1:7" ht="11.25" customHeight="1" x14ac:dyDescent="0.2">
      <c r="A89" s="45" t="s">
        <v>848</v>
      </c>
      <c r="G89" s="292"/>
    </row>
    <row r="92" spans="1:7" s="264" customFormat="1" ht="11.25" customHeight="1" x14ac:dyDescent="0.2">
      <c r="A92" s="45"/>
      <c r="B92" s="45"/>
      <c r="C92" s="45"/>
      <c r="D92" s="45"/>
      <c r="E92" s="45"/>
      <c r="F92" s="45"/>
      <c r="G92" s="45"/>
    </row>
    <row r="93" spans="1:7" s="264" customFormat="1" ht="11.25" customHeight="1" x14ac:dyDescent="0.2">
      <c r="A93" s="45"/>
      <c r="B93" s="45"/>
      <c r="C93" s="45"/>
      <c r="D93" s="45"/>
      <c r="E93" s="45"/>
      <c r="F93" s="45"/>
      <c r="G93" s="45"/>
    </row>
    <row r="97" s="45" customFormat="1" ht="11.25" customHeight="1" x14ac:dyDescent="0.2"/>
    <row r="98" s="45" customFormat="1" ht="11.25" customHeight="1" x14ac:dyDescent="0.2"/>
    <row r="99" s="45" customFormat="1" ht="11.25" customHeight="1" x14ac:dyDescent="0.2"/>
    <row r="100" s="45" customFormat="1" ht="11.25" customHeight="1" x14ac:dyDescent="0.2"/>
    <row r="101" s="45" customFormat="1" ht="11.25" customHeight="1" x14ac:dyDescent="0.2"/>
    <row r="102" s="45" customFormat="1" ht="11.25" customHeight="1" x14ac:dyDescent="0.2"/>
    <row r="103" s="45" customFormat="1" ht="11.25" customHeight="1" x14ac:dyDescent="0.2"/>
  </sheetData>
  <customSheetViews>
    <customSheetView guid="{6DBFA32C-4AA4-4E1D-9A48-697377C64CC3}" showPageBreaks="1" showGridLines="0" fitToPage="1" printArea="1" topLeftCell="A52">
      <selection activeCell="G74" sqref="G74"/>
      <pageMargins left="0.19685039370078741" right="0.19685039370078741" top="0.59055118110236227" bottom="0.19685039370078741" header="0" footer="0"/>
      <printOptions horizontalCentered="1"/>
      <pageSetup paperSize="9" scale="61" orientation="portrait" r:id="rId1"/>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60" orientation="portrait" r:id="rId2"/>
      <headerFooter alignWithMargins="0"/>
    </customSheetView>
    <customSheetView guid="{C779D862-DE28-46CD-A428-4AAA1056D1E1}" showPageBreaks="1" showGridLines="0" fitToPage="1" printArea="1">
      <selection activeCell="E126" sqref="E126"/>
      <pageMargins left="0.19685039370078741" right="0.19685039370078741" top="0.59055118110236227" bottom="0.19685039370078741" header="0" footer="0"/>
      <printOptions horizontalCentered="1"/>
      <pageSetup paperSize="9" scale="60" orientation="portrait" r:id="rId3"/>
      <headerFooter alignWithMargins="0"/>
    </customSheetView>
    <customSheetView guid="{25EF1E0D-169B-4051-B414-7E1196FC05E4}" showGridLines="0" fitToPage="1">
      <selection activeCell="A8" sqref="A8"/>
      <pageMargins left="0.19685039370078741" right="0.19685039370078741" top="0.59055118110236227" bottom="0.19685039370078741" header="0" footer="0"/>
      <printOptions horizontalCentered="1"/>
      <pageSetup paperSize="9" scale="60" orientation="portrait" r:id="rId4"/>
      <headerFooter alignWithMargins="0"/>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60" orientation="portrait" r:id="rId5"/>
      <headerFooter alignWithMargins="0"/>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6"/>
      <headerFooter alignWithMargins="0">
        <oddFooter>&amp;A</oddFooter>
      </headerFooter>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7"/>
      <headerFooter alignWithMargins="0">
        <oddFooter>&amp;A</oddFooter>
      </headerFooter>
    </customSheetView>
    <customSheetView guid="{82EDB5A4-4824-4632-A540-7A52C92F04C7}" showPageBreaks="1" showGridLines="0" fitToPage="1" printArea="1" topLeftCell="A79">
      <selection activeCell="B18" sqref="B18"/>
      <pageMargins left="0.19685039370078741" right="0.19685039370078741" top="0.59055118110236227" bottom="0.19685039370078741" header="0" footer="0"/>
      <printOptions horizontalCentered="1"/>
      <pageSetup paperSize="9" scale="61" orientation="portrait" r:id="rId8"/>
      <headerFooter alignWithMargins="0"/>
    </customSheetView>
  </customSheetViews>
  <mergeCells count="21">
    <mergeCell ref="A3:G3"/>
    <mergeCell ref="A4:G4"/>
    <mergeCell ref="A5:G5"/>
    <mergeCell ref="A6:G6"/>
    <mergeCell ref="A7:G7"/>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s>
  <printOptions horizontalCentered="1"/>
  <pageMargins left="0.19685039370078741" right="0.19685039370078741" top="0.59055118110236227" bottom="0.19685039370078741" header="0" footer="0"/>
  <pageSetup paperSize="9" scale="61" orientation="portrait" r:id="rId9"/>
  <headerFooter alignWithMargins="0"/>
  <drawing r:id="rId1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197"/>
  <sheetViews>
    <sheetView showGridLines="0" zoomScaleNormal="100" workbookViewId="0"/>
  </sheetViews>
  <sheetFormatPr defaultRowHeight="10.5" x14ac:dyDescent="0.2"/>
  <cols>
    <col min="1" max="1" width="80.7109375" style="274" customWidth="1"/>
    <col min="2" max="2" width="19" style="83" customWidth="1"/>
    <col min="3" max="3" width="19" style="83" bestFit="1" customWidth="1"/>
    <col min="4" max="4" width="19" style="83" customWidth="1"/>
    <col min="5" max="5" width="15.85546875" style="83" customWidth="1"/>
    <col min="6" max="6" width="19" style="83" bestFit="1" customWidth="1"/>
    <col min="7" max="7" width="17.28515625" style="83" bestFit="1" customWidth="1"/>
    <col min="8" max="8" width="16.7109375" style="83" customWidth="1"/>
    <col min="9" max="9" width="8.28515625" style="83" customWidth="1"/>
    <col min="10" max="16384" width="9.140625" style="83"/>
  </cols>
  <sheetData>
    <row r="1" spans="1:8" s="137" customFormat="1" x14ac:dyDescent="0.2">
      <c r="A1" s="442"/>
      <c r="B1" s="134"/>
      <c r="C1" s="134"/>
      <c r="D1" s="134"/>
      <c r="E1" s="134"/>
      <c r="F1" s="134"/>
      <c r="G1" s="134"/>
      <c r="H1" s="134"/>
    </row>
    <row r="2" spans="1:8" s="137" customFormat="1" x14ac:dyDescent="0.2">
      <c r="A2" s="269"/>
      <c r="B2" s="134"/>
      <c r="C2" s="134"/>
      <c r="D2" s="134"/>
      <c r="E2" s="134"/>
      <c r="F2" s="134"/>
    </row>
    <row r="3" spans="1:8" s="141" customFormat="1" x14ac:dyDescent="0.2">
      <c r="A3" s="951" t="s">
        <v>638</v>
      </c>
      <c r="B3" s="951"/>
      <c r="C3" s="951"/>
      <c r="D3" s="951"/>
      <c r="E3" s="951"/>
      <c r="F3" s="951"/>
      <c r="G3" s="951"/>
      <c r="H3" s="951"/>
    </row>
    <row r="4" spans="1:8" s="141" customFormat="1" x14ac:dyDescent="0.2">
      <c r="A4" s="951" t="s">
        <v>105</v>
      </c>
      <c r="B4" s="951"/>
      <c r="C4" s="951"/>
      <c r="D4" s="951"/>
      <c r="E4" s="951"/>
      <c r="F4" s="951"/>
      <c r="G4" s="951"/>
      <c r="H4" s="951"/>
    </row>
    <row r="5" spans="1:8" s="141" customFormat="1" x14ac:dyDescent="0.2">
      <c r="A5" s="951" t="s">
        <v>231</v>
      </c>
      <c r="B5" s="951"/>
      <c r="C5" s="951"/>
      <c r="D5" s="951"/>
      <c r="E5" s="951"/>
      <c r="F5" s="951"/>
      <c r="G5" s="951"/>
      <c r="H5" s="951"/>
    </row>
    <row r="6" spans="1:8" s="141" customFormat="1" x14ac:dyDescent="0.2">
      <c r="A6" s="951" t="s">
        <v>107</v>
      </c>
      <c r="B6" s="951"/>
      <c r="C6" s="951"/>
      <c r="D6" s="951"/>
      <c r="E6" s="951"/>
      <c r="F6" s="951"/>
      <c r="G6" s="951"/>
      <c r="H6" s="951"/>
    </row>
    <row r="7" spans="1:8" s="141" customFormat="1" x14ac:dyDescent="0.2">
      <c r="A7" s="951" t="s">
        <v>902</v>
      </c>
      <c r="B7" s="951"/>
      <c r="C7" s="951"/>
      <c r="D7" s="951"/>
      <c r="E7" s="951"/>
      <c r="F7" s="951"/>
      <c r="G7" s="951"/>
      <c r="H7" s="951"/>
    </row>
    <row r="8" spans="1:8" s="137" customFormat="1" x14ac:dyDescent="0.2">
      <c r="A8" s="270" t="s">
        <v>617</v>
      </c>
      <c r="B8" s="135"/>
      <c r="C8" s="135"/>
      <c r="D8" s="135"/>
      <c r="E8" s="135"/>
      <c r="F8" s="413"/>
      <c r="H8" s="225">
        <v>1</v>
      </c>
    </row>
    <row r="9" spans="1:8" s="224" customFormat="1" x14ac:dyDescent="0.2">
      <c r="A9" s="878" t="s">
        <v>187</v>
      </c>
      <c r="B9" s="878"/>
      <c r="C9" s="878"/>
      <c r="D9" s="878"/>
      <c r="E9" s="878"/>
      <c r="F9" s="878"/>
      <c r="G9" s="878"/>
      <c r="H9" s="878"/>
    </row>
    <row r="10" spans="1:8" s="224" customFormat="1" x14ac:dyDescent="0.15">
      <c r="A10" s="868" t="s">
        <v>844</v>
      </c>
      <c r="B10" s="899" t="s">
        <v>108</v>
      </c>
      <c r="C10" s="900"/>
      <c r="D10" s="899" t="s">
        <v>108</v>
      </c>
      <c r="E10" s="900"/>
      <c r="F10" s="877" t="s">
        <v>109</v>
      </c>
      <c r="G10" s="878"/>
      <c r="H10" s="878"/>
    </row>
    <row r="11" spans="1:8" s="224" customFormat="1" x14ac:dyDescent="0.2">
      <c r="A11" s="869"/>
      <c r="B11" s="866" t="s">
        <v>111</v>
      </c>
      <c r="C11" s="895"/>
      <c r="D11" s="866" t="s">
        <v>112</v>
      </c>
      <c r="E11" s="895"/>
      <c r="F11" s="865" t="s">
        <v>115</v>
      </c>
      <c r="G11" s="894"/>
      <c r="H11" s="221" t="s">
        <v>114</v>
      </c>
    </row>
    <row r="12" spans="1:8" s="224" customFormat="1" x14ac:dyDescent="0.2">
      <c r="A12" s="402" t="s">
        <v>845</v>
      </c>
      <c r="B12" s="867"/>
      <c r="C12" s="898"/>
      <c r="D12" s="952" t="s">
        <v>116</v>
      </c>
      <c r="E12" s="953"/>
      <c r="F12" s="952" t="s">
        <v>117</v>
      </c>
      <c r="G12" s="953"/>
      <c r="H12" s="407" t="s">
        <v>188</v>
      </c>
    </row>
    <row r="13" spans="1:8" s="224" customFormat="1" ht="14.25" customHeight="1" x14ac:dyDescent="0.2">
      <c r="A13" s="240" t="s">
        <v>189</v>
      </c>
      <c r="B13" s="945">
        <v>8815620800</v>
      </c>
      <c r="C13" s="954"/>
      <c r="D13" s="945">
        <v>8869969537.3100014</v>
      </c>
      <c r="E13" s="954"/>
      <c r="F13" s="945">
        <v>3117682143.6300006</v>
      </c>
      <c r="G13" s="954"/>
      <c r="H13" s="547">
        <v>35.14873563562994</v>
      </c>
    </row>
    <row r="14" spans="1:8" s="224" customFormat="1" ht="21" x14ac:dyDescent="0.2">
      <c r="A14" s="232" t="s">
        <v>368</v>
      </c>
      <c r="B14" s="923">
        <v>7779474600</v>
      </c>
      <c r="C14" s="924"/>
      <c r="D14" s="923">
        <v>7779474600</v>
      </c>
      <c r="E14" s="924"/>
      <c r="F14" s="923">
        <v>2481837315.1600008</v>
      </c>
      <c r="G14" s="924"/>
      <c r="H14" s="547">
        <v>31.902376995485028</v>
      </c>
    </row>
    <row r="15" spans="1:8" s="18" customFormat="1" x14ac:dyDescent="0.2">
      <c r="A15" s="271" t="s">
        <v>317</v>
      </c>
      <c r="B15" s="697">
        <v>7655071400</v>
      </c>
      <c r="C15" s="698"/>
      <c r="D15" s="697">
        <v>7655071400</v>
      </c>
      <c r="E15" s="698"/>
      <c r="F15" s="883">
        <v>2445641311.6000004</v>
      </c>
      <c r="G15" s="925"/>
      <c r="H15" s="547">
        <v>31.947988252598147</v>
      </c>
    </row>
    <row r="16" spans="1:8" s="18" customFormat="1" x14ac:dyDescent="0.2">
      <c r="A16" s="271" t="s">
        <v>318</v>
      </c>
      <c r="B16" s="697">
        <v>28506000</v>
      </c>
      <c r="C16" s="698"/>
      <c r="D16" s="697">
        <v>28506000</v>
      </c>
      <c r="E16" s="698"/>
      <c r="F16" s="883">
        <v>10633310.26</v>
      </c>
      <c r="G16" s="925"/>
      <c r="H16" s="547">
        <v>37.302007507191469</v>
      </c>
    </row>
    <row r="17" spans="1:8" s="18" customFormat="1" x14ac:dyDescent="0.2">
      <c r="A17" s="271" t="s">
        <v>319</v>
      </c>
      <c r="B17" s="697">
        <v>16137200</v>
      </c>
      <c r="C17" s="698"/>
      <c r="D17" s="697">
        <v>16137200</v>
      </c>
      <c r="E17" s="698"/>
      <c r="F17" s="883">
        <v>2207259.42</v>
      </c>
      <c r="G17" s="925"/>
      <c r="H17" s="547">
        <v>13.678081823364648</v>
      </c>
    </row>
    <row r="18" spans="1:8" s="18" customFormat="1" ht="21" x14ac:dyDescent="0.2">
      <c r="A18" s="271" t="s">
        <v>320</v>
      </c>
      <c r="B18" s="923">
        <v>0</v>
      </c>
      <c r="C18" s="924"/>
      <c r="D18" s="697">
        <v>0</v>
      </c>
      <c r="E18" s="698"/>
      <c r="F18" s="923">
        <v>0</v>
      </c>
      <c r="G18" s="924"/>
      <c r="H18" s="547">
        <v>0</v>
      </c>
    </row>
    <row r="19" spans="1:8" s="18" customFormat="1" x14ac:dyDescent="0.2">
      <c r="A19" s="253" t="s">
        <v>321</v>
      </c>
      <c r="B19" s="709">
        <v>0</v>
      </c>
      <c r="C19" s="710"/>
      <c r="D19" s="697">
        <v>0</v>
      </c>
      <c r="E19" s="698"/>
      <c r="F19" s="923">
        <v>0</v>
      </c>
      <c r="G19" s="924"/>
      <c r="H19" s="547">
        <v>0</v>
      </c>
    </row>
    <row r="20" spans="1:8" s="18" customFormat="1" ht="21" x14ac:dyDescent="0.2">
      <c r="A20" s="253" t="s">
        <v>322</v>
      </c>
      <c r="B20" s="697">
        <v>79760000</v>
      </c>
      <c r="C20" s="698"/>
      <c r="D20" s="697">
        <v>79760000</v>
      </c>
      <c r="E20" s="698"/>
      <c r="F20" s="883">
        <v>23355433.879999999</v>
      </c>
      <c r="G20" s="925"/>
      <c r="H20" s="547">
        <v>29.282138766298893</v>
      </c>
    </row>
    <row r="21" spans="1:8" s="18" customFormat="1" x14ac:dyDescent="0.2">
      <c r="A21" s="14" t="s">
        <v>323</v>
      </c>
      <c r="B21" s="709">
        <v>0</v>
      </c>
      <c r="C21" s="710"/>
      <c r="D21" s="697">
        <v>0</v>
      </c>
      <c r="E21" s="698"/>
      <c r="F21" s="923">
        <v>0</v>
      </c>
      <c r="G21" s="924"/>
      <c r="H21" s="547">
        <v>0</v>
      </c>
    </row>
    <row r="22" spans="1:8" s="224" customFormat="1" ht="21" x14ac:dyDescent="0.2">
      <c r="A22" s="232" t="s">
        <v>324</v>
      </c>
      <c r="B22" s="923">
        <v>115254600</v>
      </c>
      <c r="C22" s="924"/>
      <c r="D22" s="923">
        <v>115254600</v>
      </c>
      <c r="E22" s="924"/>
      <c r="F22" s="923">
        <v>63623762.68</v>
      </c>
      <c r="G22" s="924"/>
      <c r="H22" s="547">
        <v>55.202796834139377</v>
      </c>
    </row>
    <row r="23" spans="1:8" s="18" customFormat="1" x14ac:dyDescent="0.2">
      <c r="A23" s="271" t="s">
        <v>325</v>
      </c>
      <c r="B23" s="883">
        <v>114800000</v>
      </c>
      <c r="C23" s="925"/>
      <c r="D23" s="697">
        <v>114800000</v>
      </c>
      <c r="E23" s="698"/>
      <c r="F23" s="883">
        <v>63418908.18</v>
      </c>
      <c r="G23" s="925"/>
      <c r="H23" s="547">
        <v>55.242951376306614</v>
      </c>
    </row>
    <row r="24" spans="1:8" s="18" customFormat="1" x14ac:dyDescent="0.2">
      <c r="A24" s="271" t="s">
        <v>326</v>
      </c>
      <c r="B24" s="883">
        <v>454600</v>
      </c>
      <c r="C24" s="925"/>
      <c r="D24" s="697">
        <v>454600</v>
      </c>
      <c r="E24" s="698"/>
      <c r="F24" s="883">
        <v>204854.5</v>
      </c>
      <c r="G24" s="925"/>
      <c r="H24" s="547">
        <v>45.062582490101185</v>
      </c>
    </row>
    <row r="25" spans="1:8" s="18" customFormat="1" x14ac:dyDescent="0.2">
      <c r="A25" s="271" t="s">
        <v>327</v>
      </c>
      <c r="B25" s="923">
        <v>0</v>
      </c>
      <c r="C25" s="924"/>
      <c r="D25" s="697">
        <v>0</v>
      </c>
      <c r="E25" s="698"/>
      <c r="F25" s="923">
        <v>0</v>
      </c>
      <c r="G25" s="924"/>
      <c r="H25" s="547">
        <v>0</v>
      </c>
    </row>
    <row r="26" spans="1:8" s="18" customFormat="1" ht="21" x14ac:dyDescent="0.2">
      <c r="A26" s="271" t="s">
        <v>328</v>
      </c>
      <c r="B26" s="923">
        <v>0</v>
      </c>
      <c r="C26" s="924"/>
      <c r="D26" s="697">
        <v>0</v>
      </c>
      <c r="E26" s="698"/>
      <c r="F26" s="923">
        <v>0</v>
      </c>
      <c r="G26" s="924"/>
      <c r="H26" s="547">
        <v>0</v>
      </c>
    </row>
    <row r="27" spans="1:8" s="18" customFormat="1" x14ac:dyDescent="0.2">
      <c r="A27" s="256" t="s">
        <v>333</v>
      </c>
      <c r="B27" s="923">
        <v>0</v>
      </c>
      <c r="C27" s="924"/>
      <c r="D27" s="697">
        <v>0</v>
      </c>
      <c r="E27" s="698"/>
      <c r="F27" s="923">
        <v>0</v>
      </c>
      <c r="G27" s="924"/>
      <c r="H27" s="547">
        <v>0</v>
      </c>
    </row>
    <row r="28" spans="1:8" s="224" customFormat="1" ht="21" x14ac:dyDescent="0.2">
      <c r="A28" s="232" t="s">
        <v>337</v>
      </c>
      <c r="B28" s="923">
        <v>332391600</v>
      </c>
      <c r="C28" s="924"/>
      <c r="D28" s="923">
        <v>386740337.31</v>
      </c>
      <c r="E28" s="924"/>
      <c r="F28" s="923">
        <v>375625001.44999999</v>
      </c>
      <c r="G28" s="924"/>
      <c r="H28" s="547">
        <v>97.125891770867881</v>
      </c>
    </row>
    <row r="29" spans="1:8" s="18" customFormat="1" x14ac:dyDescent="0.2">
      <c r="A29" s="271" t="s">
        <v>329</v>
      </c>
      <c r="B29" s="883">
        <v>317100000</v>
      </c>
      <c r="C29" s="925"/>
      <c r="D29" s="697">
        <v>371079656.57999998</v>
      </c>
      <c r="E29" s="698"/>
      <c r="F29" s="883">
        <v>371079656.57999998</v>
      </c>
      <c r="G29" s="925"/>
      <c r="H29" s="547">
        <v>100</v>
      </c>
    </row>
    <row r="30" spans="1:8" s="18" customFormat="1" x14ac:dyDescent="0.2">
      <c r="A30" s="271" t="s">
        <v>330</v>
      </c>
      <c r="B30" s="883">
        <v>15259400</v>
      </c>
      <c r="C30" s="925"/>
      <c r="D30" s="697">
        <v>15259400</v>
      </c>
      <c r="E30" s="698"/>
      <c r="F30" s="883">
        <v>4144064.14</v>
      </c>
      <c r="G30" s="925"/>
      <c r="H30" s="547">
        <v>27.157451407001588</v>
      </c>
    </row>
    <row r="31" spans="1:8" s="18" customFormat="1" x14ac:dyDescent="0.2">
      <c r="A31" s="271" t="s">
        <v>331</v>
      </c>
      <c r="B31" s="883">
        <v>32200</v>
      </c>
      <c r="C31" s="925"/>
      <c r="D31" s="697">
        <v>401280.73</v>
      </c>
      <c r="E31" s="698"/>
      <c r="F31" s="883">
        <v>401280.73</v>
      </c>
      <c r="G31" s="925"/>
      <c r="H31" s="547">
        <v>100</v>
      </c>
    </row>
    <row r="32" spans="1:8" s="18" customFormat="1" ht="21" x14ac:dyDescent="0.2">
      <c r="A32" s="271" t="s">
        <v>332</v>
      </c>
      <c r="B32" s="923">
        <v>0</v>
      </c>
      <c r="C32" s="924"/>
      <c r="D32" s="697">
        <v>0</v>
      </c>
      <c r="E32" s="698"/>
      <c r="F32" s="923">
        <v>0</v>
      </c>
      <c r="G32" s="924"/>
      <c r="H32" s="547">
        <v>0</v>
      </c>
    </row>
    <row r="33" spans="1:8" s="18" customFormat="1" x14ac:dyDescent="0.2">
      <c r="A33" s="256" t="s">
        <v>334</v>
      </c>
      <c r="B33" s="923">
        <v>0</v>
      </c>
      <c r="C33" s="924"/>
      <c r="D33" s="697">
        <v>0</v>
      </c>
      <c r="E33" s="698"/>
      <c r="F33" s="923">
        <v>0</v>
      </c>
      <c r="G33" s="924"/>
      <c r="H33" s="547">
        <v>0</v>
      </c>
    </row>
    <row r="34" spans="1:8" s="224" customFormat="1" ht="21" x14ac:dyDescent="0.2">
      <c r="A34" s="232" t="s">
        <v>338</v>
      </c>
      <c r="B34" s="923">
        <v>588500000</v>
      </c>
      <c r="C34" s="924"/>
      <c r="D34" s="923">
        <v>588500000</v>
      </c>
      <c r="E34" s="924"/>
      <c r="F34" s="923">
        <v>196596064.34</v>
      </c>
      <c r="G34" s="924"/>
      <c r="H34" s="547">
        <v>33.406298103653356</v>
      </c>
    </row>
    <row r="35" spans="1:8" s="18" customFormat="1" x14ac:dyDescent="0.2">
      <c r="A35" s="271" t="s">
        <v>336</v>
      </c>
      <c r="B35" s="883">
        <v>588500000</v>
      </c>
      <c r="C35" s="925"/>
      <c r="D35" s="697">
        <v>588500000</v>
      </c>
      <c r="E35" s="698"/>
      <c r="F35" s="883">
        <v>196596064.34</v>
      </c>
      <c r="G35" s="925"/>
      <c r="H35" s="547">
        <v>33.406298103653356</v>
      </c>
    </row>
    <row r="36" spans="1:8" s="18" customFormat="1" x14ac:dyDescent="0.2">
      <c r="A36" s="271" t="s">
        <v>454</v>
      </c>
      <c r="B36" s="923">
        <v>0</v>
      </c>
      <c r="C36" s="924"/>
      <c r="D36" s="697">
        <v>0</v>
      </c>
      <c r="E36" s="698"/>
      <c r="F36" s="923">
        <v>0</v>
      </c>
      <c r="G36" s="924"/>
      <c r="H36" s="547">
        <v>0</v>
      </c>
    </row>
    <row r="37" spans="1:8" s="18" customFormat="1" x14ac:dyDescent="0.2">
      <c r="A37" s="271" t="s">
        <v>455</v>
      </c>
      <c r="B37" s="923">
        <v>0</v>
      </c>
      <c r="C37" s="924"/>
      <c r="D37" s="697">
        <v>0</v>
      </c>
      <c r="E37" s="698"/>
      <c r="F37" s="923">
        <v>0</v>
      </c>
      <c r="G37" s="924"/>
      <c r="H37" s="547">
        <v>0</v>
      </c>
    </row>
    <row r="38" spans="1:8" s="18" customFormat="1" ht="21" x14ac:dyDescent="0.2">
      <c r="A38" s="271" t="s">
        <v>456</v>
      </c>
      <c r="B38" s="923">
        <v>0</v>
      </c>
      <c r="C38" s="924"/>
      <c r="D38" s="697">
        <v>0</v>
      </c>
      <c r="E38" s="698"/>
      <c r="F38" s="923">
        <v>0</v>
      </c>
      <c r="G38" s="924"/>
      <c r="H38" s="547">
        <v>0</v>
      </c>
    </row>
    <row r="39" spans="1:8" s="18" customFormat="1" x14ac:dyDescent="0.2">
      <c r="A39" s="256" t="s">
        <v>335</v>
      </c>
      <c r="B39" s="923">
        <v>0</v>
      </c>
      <c r="C39" s="924"/>
      <c r="D39" s="697">
        <v>0</v>
      </c>
      <c r="E39" s="698"/>
      <c r="F39" s="923">
        <v>0</v>
      </c>
      <c r="G39" s="924"/>
      <c r="H39" s="547">
        <v>0</v>
      </c>
    </row>
    <row r="40" spans="1:8" s="224" customFormat="1" x14ac:dyDescent="0.2">
      <c r="A40" s="232" t="s">
        <v>339</v>
      </c>
      <c r="B40" s="923">
        <v>1301100000</v>
      </c>
      <c r="C40" s="924"/>
      <c r="D40" s="923">
        <v>1301100000</v>
      </c>
      <c r="E40" s="924"/>
      <c r="F40" s="923">
        <v>388996703.43999994</v>
      </c>
      <c r="G40" s="924"/>
      <c r="H40" s="547">
        <v>29.897525435400812</v>
      </c>
    </row>
    <row r="41" spans="1:8" s="18" customFormat="1" x14ac:dyDescent="0.2">
      <c r="A41" s="107" t="s">
        <v>190</v>
      </c>
      <c r="B41" s="883">
        <v>1164100000</v>
      </c>
      <c r="C41" s="925"/>
      <c r="D41" s="697">
        <v>1164100000</v>
      </c>
      <c r="E41" s="698"/>
      <c r="F41" s="883">
        <v>354081446.39999998</v>
      </c>
      <c r="G41" s="925"/>
      <c r="H41" s="547">
        <v>30.41675512413023</v>
      </c>
    </row>
    <row r="42" spans="1:8" s="18" customFormat="1" x14ac:dyDescent="0.2">
      <c r="A42" s="107" t="s">
        <v>191</v>
      </c>
      <c r="B42" s="883">
        <v>18100000</v>
      </c>
      <c r="C42" s="925"/>
      <c r="D42" s="697">
        <v>18100000</v>
      </c>
      <c r="E42" s="698"/>
      <c r="F42" s="883">
        <v>6018918.7599999998</v>
      </c>
      <c r="G42" s="925"/>
      <c r="H42" s="547">
        <v>33.253694806629838</v>
      </c>
    </row>
    <row r="43" spans="1:8" s="18" customFormat="1" x14ac:dyDescent="0.2">
      <c r="A43" s="271" t="s">
        <v>192</v>
      </c>
      <c r="B43" s="883">
        <v>118900000</v>
      </c>
      <c r="C43" s="925"/>
      <c r="D43" s="697">
        <v>118900000</v>
      </c>
      <c r="E43" s="698"/>
      <c r="F43" s="883">
        <v>28896338.280000001</v>
      </c>
      <c r="G43" s="925"/>
      <c r="H43" s="547">
        <v>24.303059949537428</v>
      </c>
    </row>
    <row r="44" spans="1:8" s="18" customFormat="1" x14ac:dyDescent="0.2">
      <c r="A44" s="271" t="s">
        <v>193</v>
      </c>
      <c r="B44" s="879">
        <v>0</v>
      </c>
      <c r="C44" s="955"/>
      <c r="D44" s="699">
        <v>0</v>
      </c>
      <c r="E44" s="700"/>
      <c r="F44" s="937">
        <v>0</v>
      </c>
      <c r="G44" s="957"/>
      <c r="H44" s="547">
        <v>0</v>
      </c>
    </row>
    <row r="45" spans="1:8" s="230" customFormat="1" ht="15" customHeight="1" x14ac:dyDescent="0.2">
      <c r="A45" s="272" t="s">
        <v>457</v>
      </c>
      <c r="B45" s="949">
        <v>10116720800</v>
      </c>
      <c r="C45" s="956"/>
      <c r="D45" s="949">
        <v>10171069537.310001</v>
      </c>
      <c r="E45" s="956"/>
      <c r="F45" s="949">
        <v>3506678847.0700006</v>
      </c>
      <c r="G45" s="956"/>
      <c r="H45" s="440">
        <v>34.476992161017428</v>
      </c>
    </row>
    <row r="46" spans="1:8" s="224" customFormat="1" x14ac:dyDescent="0.15">
      <c r="A46" s="868" t="s">
        <v>194</v>
      </c>
      <c r="B46" s="899" t="s">
        <v>108</v>
      </c>
      <c r="C46" s="900"/>
      <c r="D46" s="865" t="s">
        <v>108</v>
      </c>
      <c r="E46" s="894"/>
      <c r="F46" s="877" t="s">
        <v>109</v>
      </c>
      <c r="G46" s="878"/>
      <c r="H46" s="878"/>
    </row>
    <row r="47" spans="1:8" s="224" customFormat="1" x14ac:dyDescent="0.2">
      <c r="A47" s="869"/>
      <c r="B47" s="866" t="s">
        <v>111</v>
      </c>
      <c r="C47" s="895"/>
      <c r="D47" s="866" t="s">
        <v>112</v>
      </c>
      <c r="E47" s="895"/>
      <c r="F47" s="865" t="s">
        <v>115</v>
      </c>
      <c r="G47" s="894"/>
      <c r="H47" s="221" t="s">
        <v>114</v>
      </c>
    </row>
    <row r="48" spans="1:8" s="224" customFormat="1" x14ac:dyDescent="0.2">
      <c r="A48" s="870"/>
      <c r="B48" s="867"/>
      <c r="C48" s="898"/>
      <c r="D48" s="867" t="s">
        <v>116</v>
      </c>
      <c r="E48" s="898"/>
      <c r="F48" s="867" t="s">
        <v>117</v>
      </c>
      <c r="G48" s="898"/>
      <c r="H48" s="222" t="s">
        <v>188</v>
      </c>
    </row>
    <row r="49" spans="1:8" s="18" customFormat="1" x14ac:dyDescent="0.2">
      <c r="A49" s="254" t="s">
        <v>458</v>
      </c>
      <c r="B49" s="707">
        <v>1924928650</v>
      </c>
      <c r="C49" s="708"/>
      <c r="D49" s="707">
        <v>1924928650</v>
      </c>
      <c r="E49" s="708"/>
      <c r="F49" s="707">
        <v>614620470.32000017</v>
      </c>
      <c r="G49" s="708"/>
      <c r="H49" s="548">
        <v>31.929519586089601</v>
      </c>
    </row>
    <row r="50" spans="1:8" s="18" customFormat="1" x14ac:dyDescent="0.2">
      <c r="A50" s="254" t="s">
        <v>459</v>
      </c>
      <c r="B50" s="697">
        <v>166195800</v>
      </c>
      <c r="C50" s="698"/>
      <c r="D50" s="697">
        <v>193370168.655</v>
      </c>
      <c r="E50" s="698"/>
      <c r="F50" s="697">
        <v>187812500.72499999</v>
      </c>
      <c r="G50" s="698"/>
      <c r="H50" s="549">
        <v>97.125891770867881</v>
      </c>
    </row>
    <row r="51" spans="1:8" s="18" customFormat="1" x14ac:dyDescent="0.2">
      <c r="A51" s="650" t="s">
        <v>460</v>
      </c>
      <c r="B51" s="697">
        <v>29725000</v>
      </c>
      <c r="C51" s="698"/>
      <c r="D51" s="697">
        <v>29725000</v>
      </c>
      <c r="E51" s="698"/>
      <c r="F51" s="697">
        <v>7224084.5700000003</v>
      </c>
      <c r="G51" s="698"/>
      <c r="H51" s="549">
        <v>24.303059949537428</v>
      </c>
    </row>
    <row r="52" spans="1:8" s="18" customFormat="1" x14ac:dyDescent="0.2">
      <c r="A52" s="448" t="s">
        <v>461</v>
      </c>
      <c r="B52" s="937">
        <v>2120849450</v>
      </c>
      <c r="C52" s="957"/>
      <c r="D52" s="937">
        <v>2148023818.6549997</v>
      </c>
      <c r="E52" s="957"/>
      <c r="F52" s="937">
        <v>809657055.61500025</v>
      </c>
      <c r="G52" s="957"/>
      <c r="H52" s="550">
        <v>37.693113483349208</v>
      </c>
    </row>
    <row r="53" spans="1:8" s="224" customFormat="1" ht="15" customHeight="1" x14ac:dyDescent="0.2">
      <c r="A53" s="234" t="s">
        <v>462</v>
      </c>
      <c r="B53" s="949">
        <v>7995871350</v>
      </c>
      <c r="C53" s="956"/>
      <c r="D53" s="949">
        <v>8023045718.6550016</v>
      </c>
      <c r="E53" s="956"/>
      <c r="F53" s="949">
        <v>2697021791.4550004</v>
      </c>
      <c r="G53" s="956"/>
      <c r="H53" s="440">
        <v>33.615934472166195</v>
      </c>
    </row>
    <row r="54" spans="1:8" s="224" customFormat="1" x14ac:dyDescent="0.15">
      <c r="A54" s="868" t="s">
        <v>846</v>
      </c>
      <c r="B54" s="899" t="s">
        <v>108</v>
      </c>
      <c r="C54" s="900"/>
      <c r="D54" s="865" t="s">
        <v>108</v>
      </c>
      <c r="E54" s="894"/>
      <c r="F54" s="877" t="s">
        <v>109</v>
      </c>
      <c r="G54" s="878"/>
      <c r="H54" s="878"/>
    </row>
    <row r="55" spans="1:8" s="224" customFormat="1" x14ac:dyDescent="0.2">
      <c r="A55" s="869"/>
      <c r="B55" s="866" t="s">
        <v>111</v>
      </c>
      <c r="C55" s="895"/>
      <c r="D55" s="866" t="s">
        <v>112</v>
      </c>
      <c r="E55" s="895"/>
      <c r="F55" s="865" t="s">
        <v>115</v>
      </c>
      <c r="G55" s="894"/>
      <c r="H55" s="221" t="s">
        <v>114</v>
      </c>
    </row>
    <row r="56" spans="1:8" s="224" customFormat="1" x14ac:dyDescent="0.2">
      <c r="A56" s="870"/>
      <c r="B56" s="867"/>
      <c r="C56" s="898"/>
      <c r="D56" s="867" t="s">
        <v>116</v>
      </c>
      <c r="E56" s="898"/>
      <c r="F56" s="867" t="s">
        <v>117</v>
      </c>
      <c r="G56" s="898"/>
      <c r="H56" s="222" t="s">
        <v>188</v>
      </c>
    </row>
    <row r="57" spans="1:8" s="224" customFormat="1" ht="21" x14ac:dyDescent="0.2">
      <c r="A57" s="260" t="s">
        <v>463</v>
      </c>
      <c r="B57" s="945">
        <v>0</v>
      </c>
      <c r="C57" s="954"/>
      <c r="D57" s="707">
        <v>0</v>
      </c>
      <c r="E57" s="708"/>
      <c r="F57" s="945">
        <v>0</v>
      </c>
      <c r="G57" s="954"/>
      <c r="H57" s="551">
        <v>0</v>
      </c>
    </row>
    <row r="58" spans="1:8" s="224" customFormat="1" x14ac:dyDescent="0.2">
      <c r="A58" s="260" t="s">
        <v>464</v>
      </c>
      <c r="B58" s="709">
        <v>93826500</v>
      </c>
      <c r="C58" s="710"/>
      <c r="D58" s="709">
        <v>98834351.86999999</v>
      </c>
      <c r="E58" s="710"/>
      <c r="F58" s="709">
        <v>27640718.66</v>
      </c>
      <c r="G58" s="710"/>
      <c r="H58" s="550">
        <v>27.966712116812108</v>
      </c>
    </row>
    <row r="59" spans="1:8" s="18" customFormat="1" x14ac:dyDescent="0.2">
      <c r="A59" s="254" t="s">
        <v>465</v>
      </c>
      <c r="B59" s="883">
        <v>52127000</v>
      </c>
      <c r="C59" s="925"/>
      <c r="D59" s="697">
        <v>52127000</v>
      </c>
      <c r="E59" s="698"/>
      <c r="F59" s="883">
        <v>17805373.789999999</v>
      </c>
      <c r="G59" s="925"/>
      <c r="H59" s="549">
        <v>34.15767987799029</v>
      </c>
    </row>
    <row r="60" spans="1:8" s="18" customFormat="1" x14ac:dyDescent="0.2">
      <c r="A60" s="254" t="s">
        <v>466</v>
      </c>
      <c r="B60" s="883">
        <v>12500000</v>
      </c>
      <c r="C60" s="925"/>
      <c r="D60" s="697">
        <v>12500000</v>
      </c>
      <c r="E60" s="698"/>
      <c r="F60" s="883">
        <v>1200</v>
      </c>
      <c r="G60" s="925"/>
      <c r="H60" s="549">
        <v>0</v>
      </c>
    </row>
    <row r="61" spans="1:8" s="18" customFormat="1" x14ac:dyDescent="0.2">
      <c r="A61" s="254" t="s">
        <v>467</v>
      </c>
      <c r="B61" s="923">
        <v>0</v>
      </c>
      <c r="C61" s="924"/>
      <c r="D61" s="697">
        <v>4688606.5999999996</v>
      </c>
      <c r="E61" s="698"/>
      <c r="F61" s="883">
        <v>4688606.5999999996</v>
      </c>
      <c r="G61" s="925"/>
      <c r="H61" s="549">
        <v>100</v>
      </c>
    </row>
    <row r="62" spans="1:8" s="18" customFormat="1" x14ac:dyDescent="0.2">
      <c r="A62" s="254" t="s">
        <v>468</v>
      </c>
      <c r="B62" s="923">
        <v>0</v>
      </c>
      <c r="C62" s="924"/>
      <c r="D62" s="697">
        <v>4731.3599999999997</v>
      </c>
      <c r="E62" s="698"/>
      <c r="F62" s="883">
        <v>4731.3599999999997</v>
      </c>
      <c r="G62" s="925"/>
      <c r="H62" s="549">
        <v>100</v>
      </c>
    </row>
    <row r="63" spans="1:8" s="18" customFormat="1" x14ac:dyDescent="0.2">
      <c r="A63" s="254" t="s">
        <v>469</v>
      </c>
      <c r="B63" s="883">
        <v>29199500</v>
      </c>
      <c r="C63" s="925"/>
      <c r="D63" s="697">
        <v>29199500</v>
      </c>
      <c r="E63" s="698"/>
      <c r="F63" s="883">
        <v>4826293</v>
      </c>
      <c r="G63" s="925"/>
      <c r="H63" s="549">
        <v>16.528683710337503</v>
      </c>
    </row>
    <row r="64" spans="1:8" s="18" customFormat="1" x14ac:dyDescent="0.2">
      <c r="A64" s="254" t="s">
        <v>470</v>
      </c>
      <c r="B64" s="923">
        <v>0</v>
      </c>
      <c r="C64" s="924"/>
      <c r="D64" s="697">
        <v>314513.90999999997</v>
      </c>
      <c r="E64" s="698"/>
      <c r="F64" s="883">
        <v>314513.90999999997</v>
      </c>
      <c r="G64" s="925"/>
      <c r="H64" s="549">
        <v>100</v>
      </c>
    </row>
    <row r="65" spans="1:8" s="224" customFormat="1" x14ac:dyDescent="0.2">
      <c r="A65" s="260" t="s">
        <v>471</v>
      </c>
      <c r="B65" s="923">
        <v>58148100</v>
      </c>
      <c r="C65" s="924"/>
      <c r="D65" s="923">
        <v>58148100</v>
      </c>
      <c r="E65" s="924"/>
      <c r="F65" s="709">
        <v>4371922.2699999996</v>
      </c>
      <c r="G65" s="710"/>
      <c r="H65" s="550">
        <v>7.5185986644447533</v>
      </c>
    </row>
    <row r="66" spans="1:8" s="18" customFormat="1" x14ac:dyDescent="0.2">
      <c r="A66" s="254" t="s">
        <v>472</v>
      </c>
      <c r="B66" s="883">
        <v>58148100</v>
      </c>
      <c r="C66" s="925"/>
      <c r="D66" s="697">
        <v>58148100</v>
      </c>
      <c r="E66" s="698"/>
      <c r="F66" s="883">
        <v>4371922.2699999996</v>
      </c>
      <c r="G66" s="925"/>
      <c r="H66" s="549">
        <v>7.5185986644447533</v>
      </c>
    </row>
    <row r="67" spans="1:8" s="18" customFormat="1" x14ac:dyDescent="0.2">
      <c r="A67" s="106" t="s">
        <v>473</v>
      </c>
      <c r="B67" s="923">
        <v>0</v>
      </c>
      <c r="C67" s="924"/>
      <c r="D67" s="697">
        <v>0</v>
      </c>
      <c r="E67" s="698"/>
      <c r="F67" s="923">
        <v>0</v>
      </c>
      <c r="G67" s="924"/>
      <c r="H67" s="550">
        <v>0</v>
      </c>
    </row>
    <row r="68" spans="1:8" s="224" customFormat="1" x14ac:dyDescent="0.2">
      <c r="A68" s="260" t="s">
        <v>474</v>
      </c>
      <c r="B68" s="937">
        <v>0</v>
      </c>
      <c r="C68" s="957"/>
      <c r="D68" s="699">
        <v>0</v>
      </c>
      <c r="E68" s="700"/>
      <c r="F68" s="937">
        <v>0</v>
      </c>
      <c r="G68" s="957"/>
      <c r="H68" s="550">
        <v>0</v>
      </c>
    </row>
    <row r="69" spans="1:8" s="224" customFormat="1" x14ac:dyDescent="0.2">
      <c r="A69" s="235" t="s">
        <v>772</v>
      </c>
      <c r="B69" s="873">
        <v>0</v>
      </c>
      <c r="C69" s="874"/>
      <c r="D69" s="873">
        <v>0</v>
      </c>
      <c r="E69" s="874"/>
      <c r="F69" s="873">
        <v>0</v>
      </c>
      <c r="G69" s="874"/>
      <c r="H69" s="551">
        <v>0</v>
      </c>
    </row>
    <row r="70" spans="1:8" s="224" customFormat="1" ht="21" x14ac:dyDescent="0.2">
      <c r="A70" s="439" t="s">
        <v>796</v>
      </c>
      <c r="B70" s="949">
        <v>151974600</v>
      </c>
      <c r="C70" s="956"/>
      <c r="D70" s="949">
        <v>156982451.87</v>
      </c>
      <c r="E70" s="956"/>
      <c r="F70" s="949">
        <v>32012640.93</v>
      </c>
      <c r="G70" s="956"/>
      <c r="H70" s="440">
        <v>20.392496453368079</v>
      </c>
    </row>
    <row r="71" spans="1:8" s="224" customFormat="1" x14ac:dyDescent="0.2">
      <c r="A71" s="878" t="s">
        <v>195</v>
      </c>
      <c r="B71" s="878"/>
      <c r="C71" s="878"/>
      <c r="D71" s="878"/>
      <c r="E71" s="878"/>
      <c r="F71" s="878"/>
      <c r="G71" s="878"/>
      <c r="H71" s="878"/>
    </row>
    <row r="72" spans="1:8" s="224" customFormat="1" x14ac:dyDescent="0.2">
      <c r="A72" s="868" t="s">
        <v>196</v>
      </c>
      <c r="B72" s="865" t="s">
        <v>108</v>
      </c>
      <c r="C72" s="894"/>
      <c r="D72" s="865" t="s">
        <v>108</v>
      </c>
      <c r="E72" s="894"/>
      <c r="F72" s="877" t="s">
        <v>109</v>
      </c>
      <c r="G72" s="878"/>
      <c r="H72" s="878"/>
    </row>
    <row r="73" spans="1:8" s="224" customFormat="1" x14ac:dyDescent="0.2">
      <c r="A73" s="869"/>
      <c r="B73" s="866" t="s">
        <v>111</v>
      </c>
      <c r="C73" s="895"/>
      <c r="D73" s="866" t="s">
        <v>112</v>
      </c>
      <c r="E73" s="895"/>
      <c r="F73" s="865" t="s">
        <v>115</v>
      </c>
      <c r="G73" s="894"/>
      <c r="H73" s="221" t="s">
        <v>114</v>
      </c>
    </row>
    <row r="74" spans="1:8" s="224" customFormat="1" x14ac:dyDescent="0.2">
      <c r="A74" s="870"/>
      <c r="B74" s="867"/>
      <c r="C74" s="898"/>
      <c r="D74" s="867" t="s">
        <v>116</v>
      </c>
      <c r="E74" s="898"/>
      <c r="F74" s="867" t="s">
        <v>117</v>
      </c>
      <c r="G74" s="898"/>
      <c r="H74" s="222" t="s">
        <v>188</v>
      </c>
    </row>
    <row r="75" spans="1:8" s="224" customFormat="1" x14ac:dyDescent="0.2">
      <c r="A75" s="237" t="s">
        <v>475</v>
      </c>
      <c r="B75" s="885">
        <v>1481474270</v>
      </c>
      <c r="C75" s="886"/>
      <c r="D75" s="885">
        <v>1486909143.7309999</v>
      </c>
      <c r="E75" s="886"/>
      <c r="F75" s="711">
        <v>500085145.4230001</v>
      </c>
      <c r="G75" s="712"/>
      <c r="H75" s="511">
        <v>33.632528761520049</v>
      </c>
    </row>
    <row r="76" spans="1:8" s="18" customFormat="1" x14ac:dyDescent="0.2">
      <c r="A76" s="254" t="s">
        <v>476</v>
      </c>
      <c r="B76" s="830">
        <v>1170909190</v>
      </c>
      <c r="C76" s="887"/>
      <c r="D76" s="830">
        <v>1170909190</v>
      </c>
      <c r="E76" s="887"/>
      <c r="F76" s="697">
        <v>373443368.96800017</v>
      </c>
      <c r="G76" s="698"/>
      <c r="H76" s="424">
        <v>31.893452725228006</v>
      </c>
    </row>
    <row r="77" spans="1:8" s="18" customFormat="1" x14ac:dyDescent="0.2">
      <c r="A77" s="254" t="s">
        <v>477</v>
      </c>
      <c r="B77" s="830">
        <v>23050920</v>
      </c>
      <c r="C77" s="887"/>
      <c r="D77" s="830">
        <v>23050920</v>
      </c>
      <c r="E77" s="887"/>
      <c r="F77" s="697">
        <v>12724752.536</v>
      </c>
      <c r="G77" s="698"/>
      <c r="H77" s="424">
        <v>55.202796834139377</v>
      </c>
    </row>
    <row r="78" spans="1:8" s="18" customFormat="1" x14ac:dyDescent="0.2">
      <c r="A78" s="254" t="s">
        <v>478</v>
      </c>
      <c r="B78" s="830">
        <v>33239160</v>
      </c>
      <c r="C78" s="887"/>
      <c r="D78" s="830">
        <v>38674033.730999999</v>
      </c>
      <c r="E78" s="887"/>
      <c r="F78" s="697">
        <v>37562500.145000003</v>
      </c>
      <c r="G78" s="698"/>
      <c r="H78" s="424">
        <v>97.125891770867895</v>
      </c>
    </row>
    <row r="79" spans="1:8" s="18" customFormat="1" x14ac:dyDescent="0.2">
      <c r="A79" s="254" t="s">
        <v>479</v>
      </c>
      <c r="B79" s="830">
        <v>232820000</v>
      </c>
      <c r="C79" s="887"/>
      <c r="D79" s="830">
        <v>232820000</v>
      </c>
      <c r="E79" s="887"/>
      <c r="F79" s="697">
        <v>70816289.280000001</v>
      </c>
      <c r="G79" s="698"/>
      <c r="H79" s="424">
        <v>30.41675512413023</v>
      </c>
    </row>
    <row r="80" spans="1:8" s="18" customFormat="1" x14ac:dyDescent="0.2">
      <c r="A80" s="254" t="s">
        <v>480</v>
      </c>
      <c r="B80" s="830">
        <v>3620000</v>
      </c>
      <c r="C80" s="887"/>
      <c r="D80" s="830">
        <v>3620000</v>
      </c>
      <c r="E80" s="887"/>
      <c r="F80" s="697">
        <v>1203783.7520000001</v>
      </c>
      <c r="G80" s="698"/>
      <c r="H80" s="424">
        <v>33.253694806629838</v>
      </c>
    </row>
    <row r="81" spans="1:8" s="18" customFormat="1" x14ac:dyDescent="0.2">
      <c r="A81" s="254" t="s">
        <v>481</v>
      </c>
      <c r="B81" s="830">
        <v>17835000</v>
      </c>
      <c r="C81" s="887"/>
      <c r="D81" s="830">
        <v>17835000</v>
      </c>
      <c r="E81" s="887"/>
      <c r="F81" s="697">
        <v>4334450.7420000006</v>
      </c>
      <c r="G81" s="698"/>
      <c r="H81" s="424">
        <v>24.303059949537428</v>
      </c>
    </row>
    <row r="82" spans="1:8" s="224" customFormat="1" x14ac:dyDescent="0.2">
      <c r="A82" s="260" t="s">
        <v>482</v>
      </c>
      <c r="B82" s="962">
        <v>922938000</v>
      </c>
      <c r="C82" s="963"/>
      <c r="D82" s="962">
        <v>924399408.36000001</v>
      </c>
      <c r="E82" s="963"/>
      <c r="F82" s="709">
        <v>314816824.41000003</v>
      </c>
      <c r="G82" s="710"/>
      <c r="H82" s="422">
        <v>34.056363684667907</v>
      </c>
    </row>
    <row r="83" spans="1:8" s="18" customFormat="1" x14ac:dyDescent="0.2">
      <c r="A83" s="254" t="s">
        <v>483</v>
      </c>
      <c r="B83" s="830">
        <v>922938000</v>
      </c>
      <c r="C83" s="887"/>
      <c r="D83" s="697">
        <v>922938000</v>
      </c>
      <c r="E83" s="698"/>
      <c r="F83" s="697">
        <v>313355416.05000001</v>
      </c>
      <c r="G83" s="698"/>
      <c r="H83" s="424">
        <v>33.951946506699258</v>
      </c>
    </row>
    <row r="84" spans="1:8" s="18" customFormat="1" x14ac:dyDescent="0.2">
      <c r="A84" s="254" t="s">
        <v>484</v>
      </c>
      <c r="B84" s="830">
        <v>0</v>
      </c>
      <c r="C84" s="887"/>
      <c r="D84" s="697">
        <v>0</v>
      </c>
      <c r="E84" s="698"/>
      <c r="F84" s="709">
        <v>0</v>
      </c>
      <c r="G84" s="710"/>
      <c r="H84" s="535">
        <v>0</v>
      </c>
    </row>
    <row r="85" spans="1:8" s="18" customFormat="1" x14ac:dyDescent="0.2">
      <c r="A85" s="258" t="s">
        <v>485</v>
      </c>
      <c r="B85" s="699">
        <v>0</v>
      </c>
      <c r="C85" s="700"/>
      <c r="D85" s="699">
        <v>1461408.36</v>
      </c>
      <c r="E85" s="700"/>
      <c r="F85" s="699">
        <v>1461408.36</v>
      </c>
      <c r="G85" s="700"/>
      <c r="H85" s="535">
        <v>100</v>
      </c>
    </row>
    <row r="86" spans="1:8" s="224" customFormat="1" ht="15" customHeight="1" x14ac:dyDescent="0.2">
      <c r="A86" s="234" t="s">
        <v>486</v>
      </c>
      <c r="B86" s="713">
        <v>-558536270</v>
      </c>
      <c r="C86" s="714"/>
      <c r="D86" s="713">
        <v>-563971143.73099995</v>
      </c>
      <c r="E86" s="714"/>
      <c r="F86" s="713">
        <v>-186729729.37300009</v>
      </c>
      <c r="G86" s="714"/>
      <c r="H86" s="440">
        <v>33.109802061444739</v>
      </c>
    </row>
    <row r="87" spans="1:8" s="18" customFormat="1" x14ac:dyDescent="0.2">
      <c r="A87" s="277" t="s">
        <v>432</v>
      </c>
      <c r="B87" s="275"/>
      <c r="C87" s="275"/>
      <c r="D87" s="275"/>
      <c r="E87" s="275"/>
      <c r="F87" s="408"/>
      <c r="H87" s="548"/>
    </row>
    <row r="88" spans="1:8" s="18" customFormat="1" x14ac:dyDescent="0.2">
      <c r="A88" s="102" t="s">
        <v>433</v>
      </c>
      <c r="B88" s="276"/>
      <c r="C88" s="276"/>
      <c r="D88" s="276"/>
      <c r="E88" s="276"/>
      <c r="F88" s="276"/>
      <c r="H88" s="572"/>
    </row>
    <row r="89" spans="1:8" s="224" customFormat="1" x14ac:dyDescent="0.2">
      <c r="A89" s="868" t="s">
        <v>197</v>
      </c>
      <c r="B89" s="78" t="s">
        <v>157</v>
      </c>
      <c r="C89" s="78" t="s">
        <v>157</v>
      </c>
      <c r="D89" s="877" t="s">
        <v>158</v>
      </c>
      <c r="E89" s="878"/>
      <c r="F89" s="877" t="s">
        <v>159</v>
      </c>
      <c r="G89" s="878"/>
      <c r="H89" s="896" t="s">
        <v>773</v>
      </c>
    </row>
    <row r="90" spans="1:8" s="224" customFormat="1" x14ac:dyDescent="0.2">
      <c r="A90" s="869"/>
      <c r="B90" s="964" t="s">
        <v>111</v>
      </c>
      <c r="C90" s="79" t="s">
        <v>112</v>
      </c>
      <c r="D90" s="78" t="s">
        <v>115</v>
      </c>
      <c r="E90" s="221" t="s">
        <v>114</v>
      </c>
      <c r="F90" s="78" t="s">
        <v>115</v>
      </c>
      <c r="G90" s="221" t="s">
        <v>114</v>
      </c>
      <c r="H90" s="897"/>
    </row>
    <row r="91" spans="1:8" s="224" customFormat="1" x14ac:dyDescent="0.2">
      <c r="A91" s="870"/>
      <c r="B91" s="965"/>
      <c r="C91" s="220" t="s">
        <v>162</v>
      </c>
      <c r="D91" s="220" t="s">
        <v>163</v>
      </c>
      <c r="E91" s="222" t="s">
        <v>198</v>
      </c>
      <c r="F91" s="220" t="s">
        <v>164</v>
      </c>
      <c r="G91" s="222" t="s">
        <v>452</v>
      </c>
      <c r="H91" s="239" t="s">
        <v>352</v>
      </c>
    </row>
    <row r="92" spans="1:8" s="224" customFormat="1" x14ac:dyDescent="0.2">
      <c r="A92" s="237" t="s">
        <v>487</v>
      </c>
      <c r="B92" s="552">
        <v>913938000</v>
      </c>
      <c r="C92" s="553">
        <v>913938000</v>
      </c>
      <c r="D92" s="553">
        <v>885011163.71000004</v>
      </c>
      <c r="E92" s="554">
        <v>96.834923562648683</v>
      </c>
      <c r="F92" s="553">
        <v>335240596.56999999</v>
      </c>
      <c r="G92" s="555">
        <v>36.680890450993395</v>
      </c>
      <c r="H92" s="556">
        <v>0</v>
      </c>
    </row>
    <row r="93" spans="1:8" s="18" customFormat="1" x14ac:dyDescent="0.2">
      <c r="A93" s="254" t="s">
        <v>488</v>
      </c>
      <c r="B93" s="557">
        <v>548362800</v>
      </c>
      <c r="C93" s="558">
        <v>548362800</v>
      </c>
      <c r="D93" s="558">
        <v>531006698.22600001</v>
      </c>
      <c r="E93" s="559">
        <v>96.834923562648669</v>
      </c>
      <c r="F93" s="558">
        <v>201144357.942</v>
      </c>
      <c r="G93" s="559">
        <v>36.680890450993395</v>
      </c>
      <c r="H93" s="560">
        <v>0</v>
      </c>
    </row>
    <row r="94" spans="1:8" s="18" customFormat="1" x14ac:dyDescent="0.2">
      <c r="A94" s="254" t="s">
        <v>489</v>
      </c>
      <c r="B94" s="557">
        <v>365575200</v>
      </c>
      <c r="C94" s="558">
        <v>365575200</v>
      </c>
      <c r="D94" s="558">
        <v>354004465.48400003</v>
      </c>
      <c r="E94" s="559">
        <v>96.834923562648683</v>
      </c>
      <c r="F94" s="558">
        <v>134096238.62800001</v>
      </c>
      <c r="G94" s="559">
        <v>36.680890450993395</v>
      </c>
      <c r="H94" s="560">
        <v>0</v>
      </c>
    </row>
    <row r="95" spans="1:8" s="224" customFormat="1" x14ac:dyDescent="0.2">
      <c r="A95" s="260" t="s">
        <v>490</v>
      </c>
      <c r="B95" s="561">
        <v>9000000</v>
      </c>
      <c r="C95" s="562">
        <v>9000000</v>
      </c>
      <c r="D95" s="562">
        <v>4001525.75</v>
      </c>
      <c r="E95" s="554">
        <v>44.461397222222217</v>
      </c>
      <c r="F95" s="562">
        <v>656656.92000000004</v>
      </c>
      <c r="G95" s="554">
        <v>7.2961880000000008</v>
      </c>
      <c r="H95" s="560">
        <v>0</v>
      </c>
    </row>
    <row r="96" spans="1:8" s="18" customFormat="1" x14ac:dyDescent="0.2">
      <c r="A96" s="254" t="s">
        <v>491</v>
      </c>
      <c r="B96" s="557">
        <v>9000000</v>
      </c>
      <c r="C96" s="558">
        <v>9000000</v>
      </c>
      <c r="D96" s="558">
        <v>4001525.75</v>
      </c>
      <c r="E96" s="559">
        <v>44.461397222222217</v>
      </c>
      <c r="F96" s="558">
        <v>656656.92000000004</v>
      </c>
      <c r="G96" s="559">
        <v>7.2961880000000008</v>
      </c>
      <c r="H96" s="560">
        <v>0</v>
      </c>
    </row>
    <row r="97" spans="1:8" s="18" customFormat="1" x14ac:dyDescent="0.2">
      <c r="A97" s="258" t="s">
        <v>492</v>
      </c>
      <c r="B97" s="563">
        <v>0</v>
      </c>
      <c r="C97" s="564">
        <v>0</v>
      </c>
      <c r="D97" s="564">
        <v>0</v>
      </c>
      <c r="E97" s="565">
        <v>0</v>
      </c>
      <c r="F97" s="564">
        <v>0</v>
      </c>
      <c r="G97" s="566">
        <v>0</v>
      </c>
      <c r="H97" s="567">
        <v>0</v>
      </c>
    </row>
    <row r="98" spans="1:8" s="224" customFormat="1" ht="15" customHeight="1" x14ac:dyDescent="0.2">
      <c r="A98" s="234" t="s">
        <v>493</v>
      </c>
      <c r="B98" s="568">
        <v>922938000</v>
      </c>
      <c r="C98" s="568">
        <v>922938000</v>
      </c>
      <c r="D98" s="568">
        <v>889012689.46000004</v>
      </c>
      <c r="E98" s="569">
        <v>96.324204817658398</v>
      </c>
      <c r="F98" s="568">
        <v>335897253.49000001</v>
      </c>
      <c r="G98" s="570">
        <v>36.394346477228154</v>
      </c>
      <c r="H98" s="571">
        <v>0</v>
      </c>
    </row>
    <row r="99" spans="1:8" s="18" customFormat="1" ht="15" customHeight="1" x14ac:dyDescent="0.2">
      <c r="A99" s="878" t="s">
        <v>434</v>
      </c>
      <c r="B99" s="878"/>
      <c r="C99" s="878"/>
      <c r="D99" s="878"/>
      <c r="E99" s="878"/>
      <c r="F99" s="878"/>
      <c r="G99" s="878"/>
      <c r="H99" s="878"/>
    </row>
    <row r="100" spans="1:8" s="224" customFormat="1" x14ac:dyDescent="0.2">
      <c r="A100" s="947" t="s">
        <v>494</v>
      </c>
      <c r="B100" s="947"/>
      <c r="C100" s="947"/>
      <c r="D100" s="947"/>
      <c r="E100" s="947"/>
      <c r="F100" s="948"/>
      <c r="G100" s="945">
        <v>0</v>
      </c>
      <c r="H100" s="946"/>
    </row>
    <row r="101" spans="1:8" s="18" customFormat="1" x14ac:dyDescent="0.2">
      <c r="A101" s="902" t="s">
        <v>495</v>
      </c>
      <c r="B101" s="902"/>
      <c r="C101" s="902"/>
      <c r="D101" s="902"/>
      <c r="E101" s="902"/>
      <c r="F101" s="903"/>
      <c r="G101" s="883">
        <v>0</v>
      </c>
      <c r="H101" s="884"/>
    </row>
    <row r="102" spans="1:8" s="18" customFormat="1" x14ac:dyDescent="0.2">
      <c r="A102" s="902" t="s">
        <v>496</v>
      </c>
      <c r="B102" s="902"/>
      <c r="C102" s="902"/>
      <c r="D102" s="902"/>
      <c r="E102" s="902"/>
      <c r="F102" s="903"/>
      <c r="G102" s="883">
        <v>0</v>
      </c>
      <c r="H102" s="884"/>
    </row>
    <row r="103" spans="1:8" s="224" customFormat="1" x14ac:dyDescent="0.2">
      <c r="A103" s="960" t="s">
        <v>497</v>
      </c>
      <c r="B103" s="960"/>
      <c r="C103" s="960"/>
      <c r="D103" s="960"/>
      <c r="E103" s="960"/>
      <c r="F103" s="961"/>
      <c r="G103" s="883">
        <v>0</v>
      </c>
      <c r="H103" s="884"/>
    </row>
    <row r="104" spans="1:8" s="18" customFormat="1" x14ac:dyDescent="0.2">
      <c r="A104" s="902" t="s">
        <v>498</v>
      </c>
      <c r="B104" s="902"/>
      <c r="C104" s="902"/>
      <c r="D104" s="902"/>
      <c r="E104" s="902"/>
      <c r="F104" s="903"/>
      <c r="G104" s="883">
        <v>0</v>
      </c>
      <c r="H104" s="884"/>
    </row>
    <row r="105" spans="1:8" s="18" customFormat="1" x14ac:dyDescent="0.2">
      <c r="A105" s="881" t="s">
        <v>499</v>
      </c>
      <c r="B105" s="881"/>
      <c r="C105" s="881"/>
      <c r="D105" s="881"/>
      <c r="E105" s="881"/>
      <c r="F105" s="882"/>
      <c r="G105" s="879">
        <v>0</v>
      </c>
      <c r="H105" s="880"/>
    </row>
    <row r="106" spans="1:8" s="224" customFormat="1" ht="15" customHeight="1" x14ac:dyDescent="0.2">
      <c r="A106" s="875" t="s">
        <v>500</v>
      </c>
      <c r="B106" s="875"/>
      <c r="C106" s="875"/>
      <c r="D106" s="875"/>
      <c r="E106" s="875"/>
      <c r="F106" s="876"/>
      <c r="G106" s="949">
        <v>0</v>
      </c>
      <c r="H106" s="950"/>
    </row>
    <row r="107" spans="1:8" s="224" customFormat="1" ht="15" customHeight="1" x14ac:dyDescent="0.2">
      <c r="A107" s="875" t="s">
        <v>435</v>
      </c>
      <c r="B107" s="875"/>
      <c r="C107" s="875"/>
      <c r="D107" s="875"/>
      <c r="E107" s="875"/>
      <c r="F107" s="876"/>
      <c r="G107" s="877" t="s">
        <v>209</v>
      </c>
      <c r="H107" s="878"/>
    </row>
    <row r="108" spans="1:8" s="224" customFormat="1" x14ac:dyDescent="0.2">
      <c r="A108" s="912" t="s">
        <v>501</v>
      </c>
      <c r="B108" s="912"/>
      <c r="C108" s="912"/>
      <c r="D108" s="912"/>
      <c r="E108" s="912"/>
      <c r="F108" s="915"/>
      <c r="G108" s="945">
        <v>335897253.49000001</v>
      </c>
      <c r="H108" s="946"/>
    </row>
    <row r="109" spans="1:8" s="18" customFormat="1" ht="11.25" x14ac:dyDescent="0.2">
      <c r="A109" s="913" t="s">
        <v>637</v>
      </c>
      <c r="B109" s="913"/>
      <c r="C109" s="913"/>
      <c r="D109" s="913"/>
      <c r="E109" s="913"/>
      <c r="F109" s="914"/>
      <c r="G109" s="883">
        <v>106.48750974420642</v>
      </c>
      <c r="H109" s="884"/>
    </row>
    <row r="110" spans="1:8" s="18" customFormat="1" x14ac:dyDescent="0.2">
      <c r="A110" s="913" t="s">
        <v>502</v>
      </c>
      <c r="B110" s="913"/>
      <c r="C110" s="913"/>
      <c r="D110" s="913"/>
      <c r="E110" s="913"/>
      <c r="F110" s="914"/>
      <c r="G110" s="883">
        <v>0.20858380781606714</v>
      </c>
      <c r="H110" s="884"/>
    </row>
    <row r="111" spans="1:8" s="18" customFormat="1" x14ac:dyDescent="0.2">
      <c r="A111" s="958" t="s">
        <v>503</v>
      </c>
      <c r="B111" s="958"/>
      <c r="C111" s="958"/>
      <c r="D111" s="958"/>
      <c r="E111" s="958"/>
      <c r="F111" s="959"/>
      <c r="G111" s="879">
        <v>-6.6960935520224893</v>
      </c>
      <c r="H111" s="880"/>
    </row>
    <row r="112" spans="1:8" s="224" customFormat="1" ht="15" customHeight="1" x14ac:dyDescent="0.2">
      <c r="A112" s="878" t="s">
        <v>341</v>
      </c>
      <c r="B112" s="878"/>
      <c r="C112" s="878"/>
      <c r="D112" s="878"/>
      <c r="E112" s="878"/>
      <c r="F112" s="934"/>
      <c r="G112" s="877" t="s">
        <v>209</v>
      </c>
      <c r="H112" s="878"/>
    </row>
    <row r="113" spans="1:10" s="224" customFormat="1" x14ac:dyDescent="0.2">
      <c r="A113" s="935" t="s">
        <v>804</v>
      </c>
      <c r="B113" s="935"/>
      <c r="C113" s="935"/>
      <c r="D113" s="935"/>
      <c r="E113" s="935"/>
      <c r="F113" s="936"/>
      <c r="G113" s="945">
        <v>0</v>
      </c>
      <c r="H113" s="946"/>
    </row>
    <row r="114" spans="1:10" s="224" customFormat="1" ht="11.25" x14ac:dyDescent="0.2">
      <c r="A114" s="939" t="s">
        <v>805</v>
      </c>
      <c r="B114" s="939"/>
      <c r="C114" s="939"/>
      <c r="D114" s="939"/>
      <c r="E114" s="939"/>
      <c r="F114" s="940"/>
      <c r="G114" s="937">
        <v>0</v>
      </c>
      <c r="H114" s="938"/>
    </row>
    <row r="115" spans="1:10" s="18" customFormat="1" ht="15" customHeight="1" x14ac:dyDescent="0.2">
      <c r="A115" s="878" t="s">
        <v>340</v>
      </c>
      <c r="B115" s="878"/>
      <c r="C115" s="878"/>
      <c r="D115" s="878"/>
      <c r="E115" s="878"/>
      <c r="F115" s="878"/>
      <c r="G115" s="878"/>
      <c r="H115" s="878"/>
    </row>
    <row r="116" spans="1:10" s="224" customFormat="1" x14ac:dyDescent="0.2">
      <c r="A116" s="868" t="s">
        <v>342</v>
      </c>
      <c r="B116" s="865" t="s">
        <v>108</v>
      </c>
      <c r="C116" s="894"/>
      <c r="D116" s="865" t="s">
        <v>108</v>
      </c>
      <c r="E116" s="894"/>
      <c r="F116" s="877" t="s">
        <v>109</v>
      </c>
      <c r="G116" s="878"/>
      <c r="H116" s="878"/>
    </row>
    <row r="117" spans="1:10" s="224" customFormat="1" x14ac:dyDescent="0.2">
      <c r="A117" s="869"/>
      <c r="B117" s="866" t="s">
        <v>111</v>
      </c>
      <c r="C117" s="895"/>
      <c r="D117" s="866" t="s">
        <v>112</v>
      </c>
      <c r="E117" s="895"/>
      <c r="F117" s="865" t="s">
        <v>115</v>
      </c>
      <c r="G117" s="894"/>
      <c r="H117" s="221" t="s">
        <v>114</v>
      </c>
    </row>
    <row r="118" spans="1:10" s="224" customFormat="1" x14ac:dyDescent="0.2">
      <c r="A118" s="870"/>
      <c r="B118" s="867"/>
      <c r="C118" s="898"/>
      <c r="D118" s="867" t="s">
        <v>116</v>
      </c>
      <c r="E118" s="898"/>
      <c r="F118" s="867" t="s">
        <v>117</v>
      </c>
      <c r="G118" s="898"/>
      <c r="H118" s="222" t="s">
        <v>188</v>
      </c>
    </row>
    <row r="119" spans="1:10" s="224" customFormat="1" ht="15" customHeight="1" x14ac:dyDescent="0.2">
      <c r="A119" s="245" t="s">
        <v>774</v>
      </c>
      <c r="B119" s="873">
        <v>1998967837.5</v>
      </c>
      <c r="C119" s="874"/>
      <c r="D119" s="873">
        <v>2005761429.6637504</v>
      </c>
      <c r="E119" s="874"/>
      <c r="F119" s="873">
        <v>674255447.8637501</v>
      </c>
      <c r="G119" s="874"/>
      <c r="H119" s="573">
        <v>33.615934472166195</v>
      </c>
    </row>
    <row r="120" spans="1:10" s="224" customFormat="1" ht="42.75" x14ac:dyDescent="0.2">
      <c r="A120" s="868" t="s">
        <v>343</v>
      </c>
      <c r="B120" s="78" t="s">
        <v>157</v>
      </c>
      <c r="C120" s="78" t="s">
        <v>157</v>
      </c>
      <c r="D120" s="877" t="s">
        <v>158</v>
      </c>
      <c r="E120" s="878"/>
      <c r="F120" s="877" t="s">
        <v>159</v>
      </c>
      <c r="G120" s="878"/>
      <c r="H120" s="243" t="s">
        <v>773</v>
      </c>
    </row>
    <row r="121" spans="1:10" customFormat="1" ht="12.75" x14ac:dyDescent="0.2">
      <c r="A121" s="869"/>
      <c r="B121" s="964" t="s">
        <v>111</v>
      </c>
      <c r="C121" s="79" t="s">
        <v>112</v>
      </c>
      <c r="D121" s="78" t="s">
        <v>115</v>
      </c>
      <c r="E121" s="221" t="s">
        <v>114</v>
      </c>
      <c r="F121" s="78" t="s">
        <v>115</v>
      </c>
      <c r="G121" s="221" t="s">
        <v>114</v>
      </c>
      <c r="H121" s="244"/>
      <c r="I121" s="224"/>
    </row>
    <row r="122" spans="1:10" s="224" customFormat="1" ht="12.75" customHeight="1" x14ac:dyDescent="0.2">
      <c r="A122" s="870"/>
      <c r="B122" s="965"/>
      <c r="C122" s="220" t="s">
        <v>162</v>
      </c>
      <c r="D122" s="220" t="s">
        <v>163</v>
      </c>
      <c r="E122" s="222" t="s">
        <v>198</v>
      </c>
      <c r="F122" s="220" t="s">
        <v>164</v>
      </c>
      <c r="G122" s="222" t="s">
        <v>452</v>
      </c>
      <c r="H122" s="238" t="s">
        <v>352</v>
      </c>
    </row>
    <row r="123" spans="1:10" s="224" customFormat="1" ht="11.25" customHeight="1" x14ac:dyDescent="0.2">
      <c r="A123" s="653" t="s">
        <v>504</v>
      </c>
      <c r="B123" s="552">
        <v>130400</v>
      </c>
      <c r="C123" s="481">
        <v>0</v>
      </c>
      <c r="D123" s="574">
        <v>0</v>
      </c>
      <c r="E123" s="482">
        <v>0</v>
      </c>
      <c r="F123" s="481">
        <v>0</v>
      </c>
      <c r="G123" s="574">
        <v>0</v>
      </c>
      <c r="H123" s="481">
        <v>0</v>
      </c>
    </row>
    <row r="124" spans="1:10" s="18" customFormat="1" ht="11.25" customHeight="1" x14ac:dyDescent="0.2">
      <c r="A124" s="650" t="s">
        <v>505</v>
      </c>
      <c r="B124" s="575">
        <v>130400</v>
      </c>
      <c r="C124" s="535"/>
      <c r="D124" s="317">
        <v>0</v>
      </c>
      <c r="E124" s="482">
        <v>0</v>
      </c>
      <c r="F124" s="481">
        <v>0</v>
      </c>
      <c r="G124" s="317">
        <v>0</v>
      </c>
      <c r="H124" s="481">
        <v>0</v>
      </c>
    </row>
    <row r="125" spans="1:10" customFormat="1" ht="11.25" customHeight="1" x14ac:dyDescent="0.2">
      <c r="A125" s="650" t="s">
        <v>506</v>
      </c>
      <c r="B125" s="575"/>
      <c r="C125" s="481"/>
      <c r="D125" s="317"/>
      <c r="E125" s="482"/>
      <c r="F125" s="481"/>
      <c r="G125" s="317"/>
      <c r="H125" s="481">
        <v>0</v>
      </c>
      <c r="I125" s="18"/>
      <c r="J125" s="441"/>
    </row>
    <row r="126" spans="1:10" s="224" customFormat="1" ht="11.25" customHeight="1" x14ac:dyDescent="0.15">
      <c r="A126" s="654" t="s">
        <v>507</v>
      </c>
      <c r="B126" s="554">
        <v>558535000</v>
      </c>
      <c r="C126" s="481">
        <v>572239796</v>
      </c>
      <c r="D126" s="317">
        <v>547126167.50600004</v>
      </c>
      <c r="E126" s="554">
        <v>95.611345336422573</v>
      </c>
      <c r="F126" s="481">
        <v>212846527.882</v>
      </c>
      <c r="G126" s="538">
        <v>37.195338277731388</v>
      </c>
      <c r="H126" s="481">
        <v>0</v>
      </c>
      <c r="J126" s="441"/>
    </row>
    <row r="127" spans="1:10" s="18" customFormat="1" ht="11.25" customHeight="1" x14ac:dyDescent="0.15">
      <c r="A127" s="650" t="s">
        <v>508</v>
      </c>
      <c r="B127" s="575">
        <v>557362800</v>
      </c>
      <c r="C127" s="535">
        <v>557362800</v>
      </c>
      <c r="D127" s="533">
        <v>535008223.97600001</v>
      </c>
      <c r="E127" s="559">
        <v>95.989223531961585</v>
      </c>
      <c r="F127" s="535">
        <v>201801014.86199999</v>
      </c>
      <c r="G127" s="576">
        <v>36.206401801842532</v>
      </c>
      <c r="H127" s="481">
        <v>0</v>
      </c>
      <c r="J127" s="441"/>
    </row>
    <row r="128" spans="1:10" s="18" customFormat="1" ht="11.25" customHeight="1" x14ac:dyDescent="0.15">
      <c r="A128" s="650" t="s">
        <v>509</v>
      </c>
      <c r="B128" s="575">
        <v>1172200</v>
      </c>
      <c r="C128" s="535">
        <v>14876996</v>
      </c>
      <c r="D128" s="533">
        <v>12117943.529999999</v>
      </c>
      <c r="E128" s="559">
        <v>81.45423666175617</v>
      </c>
      <c r="F128" s="535">
        <v>11045513.02</v>
      </c>
      <c r="G128" s="576">
        <v>74.245587079542133</v>
      </c>
      <c r="H128" s="481">
        <v>0</v>
      </c>
      <c r="J128" s="441"/>
    </row>
    <row r="129" spans="1:10" s="224" customFormat="1" ht="11.25" customHeight="1" x14ac:dyDescent="0.15">
      <c r="A129" s="654" t="s">
        <v>510</v>
      </c>
      <c r="B129" s="561">
        <v>367092200</v>
      </c>
      <c r="C129" s="481">
        <v>379895140</v>
      </c>
      <c r="D129" s="317">
        <v>367967982.12400001</v>
      </c>
      <c r="E129" s="554">
        <v>96.860407880974748</v>
      </c>
      <c r="F129" s="481">
        <v>147240530.22800002</v>
      </c>
      <c r="G129" s="538">
        <v>38.758203178908794</v>
      </c>
      <c r="H129" s="481">
        <v>0</v>
      </c>
      <c r="J129" s="441"/>
    </row>
    <row r="130" spans="1:10" s="18" customFormat="1" ht="11.25" customHeight="1" x14ac:dyDescent="0.2">
      <c r="A130" s="650" t="s">
        <v>511</v>
      </c>
      <c r="B130" s="575">
        <v>365575200</v>
      </c>
      <c r="C130" s="535">
        <v>365575200</v>
      </c>
      <c r="D130" s="533">
        <v>354004465.48400003</v>
      </c>
      <c r="E130" s="559">
        <v>96.834923562648683</v>
      </c>
      <c r="F130" s="535">
        <v>134096238.62800001</v>
      </c>
      <c r="G130" s="576">
        <v>36.680890450993395</v>
      </c>
      <c r="H130" s="481">
        <v>0</v>
      </c>
    </row>
    <row r="131" spans="1:10" s="18" customFormat="1" ht="11.25" customHeight="1" x14ac:dyDescent="0.2">
      <c r="A131" s="650" t="s">
        <v>512</v>
      </c>
      <c r="B131" s="575">
        <v>1517000</v>
      </c>
      <c r="C131" s="535">
        <v>14319940</v>
      </c>
      <c r="D131" s="533">
        <v>13963516.640000001</v>
      </c>
      <c r="E131" s="559">
        <v>97.510999627093412</v>
      </c>
      <c r="F131" s="535">
        <v>13144291.6</v>
      </c>
      <c r="G131" s="317">
        <v>91.790130405574317</v>
      </c>
      <c r="H131" s="481">
        <v>0</v>
      </c>
    </row>
    <row r="132" spans="1:10" s="224" customFormat="1" ht="11.25" customHeight="1" x14ac:dyDescent="0.2">
      <c r="A132" s="654" t="s">
        <v>513</v>
      </c>
      <c r="B132" s="561">
        <v>30137900</v>
      </c>
      <c r="C132" s="481">
        <v>30137900</v>
      </c>
      <c r="D132" s="317">
        <v>11555303.25</v>
      </c>
      <c r="E132" s="554">
        <v>38.34143470513871</v>
      </c>
      <c r="F132" s="481">
        <v>4363799.79</v>
      </c>
      <c r="G132" s="538">
        <v>14.479442131004483</v>
      </c>
      <c r="H132" s="481">
        <v>0</v>
      </c>
    </row>
    <row r="133" spans="1:10" s="224" customFormat="1" ht="11.25" customHeight="1" x14ac:dyDescent="0.2">
      <c r="A133" s="654" t="s">
        <v>514</v>
      </c>
      <c r="B133" s="561">
        <v>1000000</v>
      </c>
      <c r="C133" s="481">
        <v>801341</v>
      </c>
      <c r="D133" s="317">
        <v>100987.95</v>
      </c>
      <c r="E133" s="554">
        <v>12.60236902891528</v>
      </c>
      <c r="F133" s="481">
        <v>0</v>
      </c>
      <c r="G133" s="317">
        <v>0</v>
      </c>
      <c r="H133" s="481">
        <v>0</v>
      </c>
    </row>
    <row r="134" spans="1:10" s="224" customFormat="1" ht="11.25" customHeight="1" x14ac:dyDescent="0.2">
      <c r="A134" s="681" t="s">
        <v>515</v>
      </c>
      <c r="B134" s="561">
        <v>530341700</v>
      </c>
      <c r="C134" s="481">
        <v>1272018858.4300001</v>
      </c>
      <c r="D134" s="682">
        <v>1036820813.24</v>
      </c>
      <c r="E134" s="554">
        <v>81.509861773567167</v>
      </c>
      <c r="F134" s="481">
        <v>739217653.75</v>
      </c>
      <c r="G134" s="683">
        <v>58.113733837435831</v>
      </c>
      <c r="H134" s="481">
        <v>0</v>
      </c>
    </row>
    <row r="135" spans="1:10" s="224" customFormat="1" ht="15" customHeight="1" x14ac:dyDescent="0.2">
      <c r="A135" s="234" t="s">
        <v>516</v>
      </c>
      <c r="B135" s="577">
        <v>1487237200</v>
      </c>
      <c r="C135" s="577">
        <v>2255093035.4300003</v>
      </c>
      <c r="D135" s="577">
        <v>1963571254.0700002</v>
      </c>
      <c r="E135" s="488">
        <v>87.072738162910753</v>
      </c>
      <c r="F135" s="578">
        <v>1103668511.6500001</v>
      </c>
      <c r="G135" s="361">
        <v>48.941152063801788</v>
      </c>
      <c r="H135" s="479">
        <v>0</v>
      </c>
      <c r="I135" s="354"/>
    </row>
    <row r="136" spans="1:10" s="224" customFormat="1" x14ac:dyDescent="0.2">
      <c r="A136" s="888" t="s">
        <v>344</v>
      </c>
      <c r="B136" s="888"/>
      <c r="C136" s="888"/>
      <c r="D136" s="888"/>
      <c r="E136" s="888"/>
      <c r="F136" s="868"/>
      <c r="G136" s="865" t="s">
        <v>209</v>
      </c>
      <c r="H136" s="891"/>
    </row>
    <row r="137" spans="1:10" s="224" customFormat="1" x14ac:dyDescent="0.2">
      <c r="A137" s="889"/>
      <c r="B137" s="889"/>
      <c r="C137" s="889"/>
      <c r="D137" s="889"/>
      <c r="E137" s="889"/>
      <c r="F137" s="869"/>
      <c r="G137" s="866"/>
      <c r="H137" s="892"/>
    </row>
    <row r="138" spans="1:10" s="224" customFormat="1" x14ac:dyDescent="0.2">
      <c r="A138" s="890"/>
      <c r="B138" s="890"/>
      <c r="C138" s="890"/>
      <c r="D138" s="890"/>
      <c r="E138" s="890"/>
      <c r="F138" s="870"/>
      <c r="G138" s="867"/>
      <c r="H138" s="893"/>
    </row>
    <row r="139" spans="1:10" s="18" customFormat="1" ht="12.75" x14ac:dyDescent="0.2">
      <c r="A139" s="661" t="s">
        <v>517</v>
      </c>
      <c r="B139" s="661"/>
      <c r="C139" s="661"/>
      <c r="D139" s="661"/>
      <c r="E139" s="649"/>
      <c r="F139" s="651"/>
      <c r="G139" s="711">
        <v>-186729729.37300009</v>
      </c>
      <c r="H139" s="942"/>
    </row>
    <row r="140" spans="1:10" s="18" customFormat="1" ht="12.75" x14ac:dyDescent="0.2">
      <c r="A140" s="658" t="s">
        <v>518</v>
      </c>
      <c r="B140" s="658"/>
      <c r="C140" s="658"/>
      <c r="D140" s="658"/>
      <c r="E140" s="647"/>
      <c r="F140" s="657"/>
      <c r="G140" s="709">
        <v>0</v>
      </c>
      <c r="H140" s="926"/>
    </row>
    <row r="141" spans="1:10" s="18" customFormat="1" ht="12.75" x14ac:dyDescent="0.2">
      <c r="A141" s="658" t="s">
        <v>519</v>
      </c>
      <c r="B141" s="658"/>
      <c r="C141" s="658"/>
      <c r="D141" s="658"/>
      <c r="E141" s="647"/>
      <c r="F141" s="657"/>
      <c r="G141" s="709">
        <v>1461408.36</v>
      </c>
      <c r="H141" s="926"/>
    </row>
    <row r="142" spans="1:10" s="18" customFormat="1" ht="12.75" x14ac:dyDescent="0.2">
      <c r="A142" s="658" t="s">
        <v>520</v>
      </c>
      <c r="B142" s="658"/>
      <c r="C142" s="658"/>
      <c r="D142" s="658"/>
      <c r="E142" s="647"/>
      <c r="F142" s="657"/>
      <c r="G142" s="709">
        <v>0</v>
      </c>
      <c r="H142" s="926"/>
    </row>
    <row r="143" spans="1:10" s="18" customFormat="1" ht="12.75" x14ac:dyDescent="0.2">
      <c r="A143" s="658" t="s">
        <v>521</v>
      </c>
      <c r="B143" s="658"/>
      <c r="C143" s="658"/>
      <c r="D143" s="658"/>
      <c r="E143" s="647"/>
      <c r="F143" s="657"/>
      <c r="G143" s="709">
        <v>0</v>
      </c>
      <c r="H143" s="926"/>
    </row>
    <row r="144" spans="1:10" s="18" customFormat="1" ht="12.75" x14ac:dyDescent="0.2">
      <c r="A144" s="658" t="s">
        <v>775</v>
      </c>
      <c r="B144" s="658"/>
      <c r="C144" s="658"/>
      <c r="D144" s="658"/>
      <c r="E144" s="647"/>
      <c r="F144" s="657"/>
      <c r="G144" s="709">
        <v>0</v>
      </c>
      <c r="H144" s="926"/>
    </row>
    <row r="145" spans="1:9" s="18" customFormat="1" ht="12.75" x14ac:dyDescent="0.2">
      <c r="A145" s="659" t="s">
        <v>538</v>
      </c>
      <c r="B145" s="659"/>
      <c r="C145" s="659"/>
      <c r="D145" s="659"/>
      <c r="E145" s="659"/>
      <c r="F145" s="660"/>
      <c r="G145" s="703">
        <v>0</v>
      </c>
      <c r="H145" s="834"/>
    </row>
    <row r="146" spans="1:9" s="18" customFormat="1" ht="15" customHeight="1" x14ac:dyDescent="0.2">
      <c r="A146" s="944" t="s">
        <v>776</v>
      </c>
      <c r="B146" s="944"/>
      <c r="C146" s="944"/>
      <c r="D146" s="944"/>
      <c r="E146" s="261"/>
      <c r="F146" s="272"/>
      <c r="G146" s="713">
        <v>-185268321.01300007</v>
      </c>
      <c r="H146" s="941"/>
    </row>
    <row r="147" spans="1:9" s="18" customFormat="1" ht="15" customHeight="1" x14ac:dyDescent="0.2">
      <c r="A147" s="944" t="s">
        <v>777</v>
      </c>
      <c r="B147" s="944"/>
      <c r="C147" s="944"/>
      <c r="D147" s="944"/>
      <c r="E147" s="261"/>
      <c r="F147" s="272"/>
      <c r="G147" s="713">
        <v>1288936832.6630001</v>
      </c>
      <c r="H147" s="941"/>
      <c r="I147" s="355"/>
    </row>
    <row r="148" spans="1:9" s="18" customFormat="1" ht="6" customHeight="1" x14ac:dyDescent="0.2">
      <c r="A148" s="262"/>
      <c r="B148" s="246"/>
      <c r="C148" s="246"/>
      <c r="D148" s="246"/>
      <c r="E148" s="242"/>
      <c r="F148" s="242"/>
      <c r="G148" s="579"/>
      <c r="H148" s="579"/>
    </row>
    <row r="149" spans="1:9" s="18" customFormat="1" ht="15" customHeight="1" x14ac:dyDescent="0.2">
      <c r="A149" s="233" t="s">
        <v>778</v>
      </c>
      <c r="B149" s="233"/>
      <c r="C149" s="233"/>
      <c r="D149" s="233"/>
      <c r="E149" s="261"/>
      <c r="F149" s="272"/>
      <c r="G149" s="713">
        <v>47.791116732788396</v>
      </c>
      <c r="H149" s="735"/>
    </row>
    <row r="150" spans="1:9" s="18" customFormat="1" ht="6" customHeight="1" x14ac:dyDescent="0.2">
      <c r="A150" s="108"/>
      <c r="B150" s="108"/>
      <c r="C150" s="108"/>
      <c r="D150" s="108"/>
      <c r="E150" s="42"/>
      <c r="F150" s="42"/>
      <c r="G150" s="85"/>
      <c r="H150" s="89"/>
    </row>
    <row r="151" spans="1:9" s="18" customFormat="1" ht="15" customHeight="1" x14ac:dyDescent="0.2">
      <c r="A151" s="893" t="s">
        <v>346</v>
      </c>
      <c r="B151" s="893"/>
      <c r="C151" s="893"/>
      <c r="D151" s="893"/>
      <c r="E151" s="893"/>
      <c r="F151" s="893"/>
      <c r="G151" s="893"/>
      <c r="H151" s="893"/>
    </row>
    <row r="152" spans="1:9" s="224" customFormat="1" ht="42.75" x14ac:dyDescent="0.2">
      <c r="A152" s="868" t="s">
        <v>345</v>
      </c>
      <c r="B152" s="78" t="s">
        <v>157</v>
      </c>
      <c r="C152" s="78" t="s">
        <v>157</v>
      </c>
      <c r="D152" s="877" t="s">
        <v>158</v>
      </c>
      <c r="E152" s="878"/>
      <c r="F152" s="877" t="s">
        <v>159</v>
      </c>
      <c r="G152" s="878"/>
      <c r="H152" s="388" t="s">
        <v>773</v>
      </c>
    </row>
    <row r="153" spans="1:9" s="224" customFormat="1" ht="12.75" customHeight="1" x14ac:dyDescent="0.2">
      <c r="A153" s="869"/>
      <c r="B153" s="964" t="s">
        <v>111</v>
      </c>
      <c r="C153" s="79" t="s">
        <v>112</v>
      </c>
      <c r="D153" s="78" t="s">
        <v>115</v>
      </c>
      <c r="E153" s="221" t="s">
        <v>114</v>
      </c>
      <c r="F153" s="78" t="s">
        <v>115</v>
      </c>
      <c r="G153" s="221" t="s">
        <v>114</v>
      </c>
      <c r="H153" s="871" t="s">
        <v>352</v>
      </c>
    </row>
    <row r="154" spans="1:9" s="670" customFormat="1" x14ac:dyDescent="0.2">
      <c r="A154" s="870"/>
      <c r="B154" s="965"/>
      <c r="C154" s="662" t="s">
        <v>162</v>
      </c>
      <c r="D154" s="662" t="s">
        <v>163</v>
      </c>
      <c r="E154" s="665" t="s">
        <v>198</v>
      </c>
      <c r="F154" s="662" t="s">
        <v>164</v>
      </c>
      <c r="G154" s="665" t="s">
        <v>452</v>
      </c>
      <c r="H154" s="872"/>
    </row>
    <row r="155" spans="1:9" s="224" customFormat="1" ht="21" x14ac:dyDescent="0.2">
      <c r="A155" s="260" t="s">
        <v>779</v>
      </c>
      <c r="B155" s="328">
        <v>0</v>
      </c>
      <c r="C155" s="328">
        <v>0</v>
      </c>
      <c r="D155" s="328">
        <v>0</v>
      </c>
      <c r="E155" s="328">
        <v>0</v>
      </c>
      <c r="F155" s="332">
        <v>0</v>
      </c>
      <c r="G155" s="333">
        <v>0</v>
      </c>
      <c r="H155" s="331">
        <v>0</v>
      </c>
    </row>
    <row r="156" spans="1:9" s="224" customFormat="1" x14ac:dyDescent="0.2">
      <c r="A156" s="654" t="s">
        <v>780</v>
      </c>
      <c r="B156" s="328">
        <v>52127000</v>
      </c>
      <c r="C156" s="328">
        <v>52127000</v>
      </c>
      <c r="D156" s="328">
        <v>27928810.68</v>
      </c>
      <c r="E156" s="328">
        <v>53.578396378076619</v>
      </c>
      <c r="F156" s="328">
        <v>11557591.369999999</v>
      </c>
      <c r="G156" s="334">
        <v>22.171986436971242</v>
      </c>
      <c r="H156" s="329">
        <v>0</v>
      </c>
    </row>
    <row r="157" spans="1:9" s="224" customFormat="1" x14ac:dyDescent="0.2">
      <c r="A157" s="654" t="s">
        <v>781</v>
      </c>
      <c r="B157" s="328">
        <v>0</v>
      </c>
      <c r="C157" s="328">
        <v>0</v>
      </c>
      <c r="D157" s="328">
        <v>37007.78</v>
      </c>
      <c r="E157" s="328">
        <v>0</v>
      </c>
      <c r="F157" s="328">
        <v>37007.78</v>
      </c>
      <c r="G157" s="334">
        <v>0</v>
      </c>
      <c r="H157" s="329">
        <v>0</v>
      </c>
    </row>
    <row r="158" spans="1:9" s="224" customFormat="1" x14ac:dyDescent="0.2">
      <c r="A158" s="652" t="s">
        <v>782</v>
      </c>
      <c r="B158" s="330">
        <v>113584400</v>
      </c>
      <c r="C158" s="330">
        <v>114147900</v>
      </c>
      <c r="D158" s="330">
        <v>34461894.57</v>
      </c>
      <c r="E158" s="330">
        <v>30.190563794866133</v>
      </c>
      <c r="F158" s="330">
        <v>16774414.059999999</v>
      </c>
      <c r="G158" s="335">
        <v>14.695333037226263</v>
      </c>
      <c r="H158" s="336"/>
    </row>
    <row r="159" spans="1:9" s="224" customFormat="1" ht="21" x14ac:dyDescent="0.2">
      <c r="A159" s="234" t="s">
        <v>783</v>
      </c>
      <c r="B159" s="337">
        <v>165711400</v>
      </c>
      <c r="C159" s="338">
        <v>166274900</v>
      </c>
      <c r="D159" s="338">
        <v>62427713.030000001</v>
      </c>
      <c r="E159" s="338">
        <v>37.544880814843374</v>
      </c>
      <c r="F159" s="338">
        <v>28369013.209999997</v>
      </c>
      <c r="G159" s="337">
        <v>17.061512717794447</v>
      </c>
      <c r="H159" s="339">
        <v>0</v>
      </c>
    </row>
    <row r="160" spans="1:9" s="224" customFormat="1" ht="15" customHeight="1" x14ac:dyDescent="0.2">
      <c r="A160" s="234" t="s">
        <v>618</v>
      </c>
      <c r="B160" s="340">
        <v>1652948600</v>
      </c>
      <c r="C160" s="340">
        <v>2421367935.4300003</v>
      </c>
      <c r="D160" s="340">
        <v>2025998967.1000001</v>
      </c>
      <c r="E160" s="338">
        <v>83.671669119555418</v>
      </c>
      <c r="F160" s="310">
        <v>1132037524.8600001</v>
      </c>
      <c r="G160" s="337">
        <v>46.751982971929728</v>
      </c>
      <c r="H160" s="339">
        <v>0</v>
      </c>
    </row>
    <row r="161" spans="1:9" s="224" customFormat="1" x14ac:dyDescent="0.2">
      <c r="A161" s="888" t="s">
        <v>199</v>
      </c>
      <c r="B161" s="888"/>
      <c r="C161" s="865" t="s">
        <v>200</v>
      </c>
      <c r="D161" s="891"/>
      <c r="E161" s="891"/>
      <c r="F161" s="927" t="s">
        <v>889</v>
      </c>
      <c r="G161" s="888"/>
      <c r="H161" s="888"/>
    </row>
    <row r="162" spans="1:9" s="224" customFormat="1" x14ac:dyDescent="0.2">
      <c r="A162" s="889"/>
      <c r="B162" s="889"/>
      <c r="C162" s="866"/>
      <c r="D162" s="892"/>
      <c r="E162" s="892"/>
      <c r="F162" s="928"/>
      <c r="G162" s="889"/>
      <c r="H162" s="889"/>
    </row>
    <row r="163" spans="1:9" s="224" customFormat="1" x14ac:dyDescent="0.2">
      <c r="A163" s="890"/>
      <c r="B163" s="890"/>
      <c r="C163" s="867"/>
      <c r="D163" s="893"/>
      <c r="E163" s="893"/>
      <c r="F163" s="929"/>
      <c r="G163" s="890"/>
      <c r="H163" s="890"/>
    </row>
    <row r="164" spans="1:9" s="224" customFormat="1" x14ac:dyDescent="0.2">
      <c r="A164" s="912" t="s">
        <v>522</v>
      </c>
      <c r="B164" s="912"/>
      <c r="C164" s="916">
        <v>72778584.890000001</v>
      </c>
      <c r="D164" s="917"/>
      <c r="E164" s="918"/>
      <c r="F164" s="916">
        <v>0</v>
      </c>
      <c r="G164" s="917"/>
      <c r="H164" s="917"/>
      <c r="I164" s="354"/>
    </row>
    <row r="165" spans="1:9" s="18" customFormat="1" x14ac:dyDescent="0.2">
      <c r="A165" s="911" t="s">
        <v>523</v>
      </c>
      <c r="B165" s="911"/>
      <c r="C165" s="919">
        <v>23405587.949999999</v>
      </c>
      <c r="D165" s="920"/>
      <c r="E165" s="932"/>
      <c r="F165" s="919">
        <v>0</v>
      </c>
      <c r="G165" s="920"/>
      <c r="H165" s="920"/>
    </row>
    <row r="166" spans="1:9" s="18" customFormat="1" x14ac:dyDescent="0.2">
      <c r="A166" s="943" t="s">
        <v>524</v>
      </c>
      <c r="B166" s="943"/>
      <c r="C166" s="930">
        <v>49372996.939999998</v>
      </c>
      <c r="D166" s="931"/>
      <c r="E166" s="933"/>
      <c r="F166" s="930">
        <v>0</v>
      </c>
      <c r="G166" s="931"/>
      <c r="H166" s="931"/>
    </row>
    <row r="167" spans="1:9" s="18" customFormat="1" ht="6" customHeight="1" x14ac:dyDescent="0.2">
      <c r="A167" s="273"/>
      <c r="B167" s="463"/>
      <c r="C167" s="463"/>
      <c r="D167" s="464"/>
      <c r="E167" s="464"/>
      <c r="F167" s="464"/>
      <c r="G167" s="88"/>
      <c r="H167" s="88"/>
    </row>
    <row r="168" spans="1:9" s="224" customFormat="1" x14ac:dyDescent="0.2">
      <c r="A168" s="909" t="s">
        <v>436</v>
      </c>
      <c r="B168" s="909"/>
      <c r="C168" s="909"/>
      <c r="D168" s="909"/>
      <c r="E168" s="909"/>
      <c r="F168" s="909"/>
      <c r="G168" s="865" t="s">
        <v>209</v>
      </c>
      <c r="H168" s="891"/>
    </row>
    <row r="169" spans="1:9" s="224" customFormat="1" x14ac:dyDescent="0.2">
      <c r="A169" s="910"/>
      <c r="B169" s="910"/>
      <c r="C169" s="910"/>
      <c r="D169" s="910"/>
      <c r="E169" s="910"/>
      <c r="F169" s="910"/>
      <c r="G169" s="867"/>
      <c r="H169" s="893"/>
    </row>
    <row r="170" spans="1:9" s="224" customFormat="1" x14ac:dyDescent="0.2">
      <c r="A170" s="908" t="s">
        <v>887</v>
      </c>
      <c r="B170" s="908"/>
      <c r="C170" s="908"/>
      <c r="D170" s="908"/>
      <c r="E170" s="908"/>
      <c r="F170" s="908"/>
      <c r="G170" s="916">
        <v>80573819.049999908</v>
      </c>
      <c r="H170" s="917"/>
    </row>
    <row r="171" spans="1:9" s="224" customFormat="1" x14ac:dyDescent="0.2">
      <c r="A171" s="259" t="s">
        <v>525</v>
      </c>
      <c r="B171" s="7"/>
      <c r="C171" s="7"/>
      <c r="D171" s="7"/>
      <c r="E171" s="86"/>
      <c r="F171" s="231"/>
      <c r="G171" s="921">
        <v>313355416.05000001</v>
      </c>
      <c r="H171" s="922"/>
    </row>
    <row r="172" spans="1:9" s="224" customFormat="1" x14ac:dyDescent="0.2">
      <c r="A172" s="259" t="s">
        <v>526</v>
      </c>
      <c r="B172" s="7"/>
      <c r="C172" s="7"/>
      <c r="D172" s="7"/>
      <c r="E172" s="86"/>
      <c r="F172" s="231"/>
      <c r="G172" s="921">
        <v>341942674.01999998</v>
      </c>
      <c r="H172" s="922"/>
    </row>
    <row r="173" spans="1:9" s="18" customFormat="1" x14ac:dyDescent="0.2">
      <c r="A173" s="14" t="s">
        <v>527</v>
      </c>
      <c r="B173" s="14"/>
      <c r="C173" s="14"/>
      <c r="D173" s="14"/>
      <c r="E173" s="83"/>
      <c r="F173" s="82"/>
      <c r="G173" s="919">
        <v>292569677.07999998</v>
      </c>
      <c r="H173" s="920"/>
    </row>
    <row r="174" spans="1:9" s="18" customFormat="1" x14ac:dyDescent="0.2">
      <c r="A174" s="253" t="s">
        <v>528</v>
      </c>
      <c r="B174" s="14"/>
      <c r="C174" s="14"/>
      <c r="D174" s="14"/>
      <c r="E174" s="83"/>
      <c r="F174" s="82"/>
      <c r="G174" s="919">
        <v>49372996.939999998</v>
      </c>
      <c r="H174" s="920"/>
    </row>
    <row r="175" spans="1:9" s="224" customFormat="1" x14ac:dyDescent="0.2">
      <c r="A175" s="259" t="s">
        <v>529</v>
      </c>
      <c r="B175" s="7"/>
      <c r="C175" s="7"/>
      <c r="D175" s="7"/>
      <c r="E175" s="86"/>
      <c r="F175" s="231"/>
      <c r="G175" s="921">
        <v>1461408.36</v>
      </c>
      <c r="H175" s="922"/>
    </row>
    <row r="176" spans="1:9" s="224" customFormat="1" x14ac:dyDescent="0.2">
      <c r="A176" s="255" t="s">
        <v>530</v>
      </c>
      <c r="B176" s="242"/>
      <c r="C176" s="242"/>
      <c r="D176" s="242"/>
      <c r="E176" s="241"/>
      <c r="F176" s="247"/>
      <c r="G176" s="703">
        <v>53447969.439999923</v>
      </c>
      <c r="H176" s="737"/>
    </row>
    <row r="177" spans="1:8" s="18" customFormat="1" x14ac:dyDescent="0.2">
      <c r="A177" s="45" t="s">
        <v>848</v>
      </c>
      <c r="H177" s="292"/>
    </row>
    <row r="178" spans="1:8" s="18" customFormat="1" x14ac:dyDescent="0.2">
      <c r="A178" s="905" t="s">
        <v>630</v>
      </c>
      <c r="B178" s="906"/>
      <c r="C178" s="906"/>
      <c r="D178" s="906"/>
      <c r="E178" s="906"/>
      <c r="F178" s="906"/>
    </row>
    <row r="179" spans="1:8" s="18" customFormat="1" x14ac:dyDescent="0.2">
      <c r="A179" s="904" t="s">
        <v>631</v>
      </c>
      <c r="B179" s="907"/>
      <c r="C179" s="907"/>
      <c r="D179" s="907"/>
      <c r="E179" s="907"/>
      <c r="F179" s="907"/>
    </row>
    <row r="180" spans="1:8" s="18" customFormat="1" ht="11.25" x14ac:dyDescent="0.2">
      <c r="A180" s="904" t="s">
        <v>632</v>
      </c>
      <c r="B180" s="904"/>
      <c r="C180" s="904"/>
      <c r="D180" s="904"/>
      <c r="E180" s="904"/>
      <c r="F180" s="904"/>
    </row>
    <row r="181" spans="1:8" ht="11.25" x14ac:dyDescent="0.2">
      <c r="A181" s="904" t="s">
        <v>633</v>
      </c>
      <c r="B181" s="904"/>
      <c r="C181" s="904"/>
      <c r="D181" s="904"/>
      <c r="E181" s="904"/>
      <c r="F181" s="904"/>
    </row>
    <row r="182" spans="1:8" ht="11.25" x14ac:dyDescent="0.2">
      <c r="A182" s="904" t="s">
        <v>634</v>
      </c>
      <c r="B182" s="904"/>
      <c r="C182" s="904"/>
      <c r="D182" s="904"/>
      <c r="E182" s="904"/>
      <c r="F182" s="904"/>
    </row>
    <row r="183" spans="1:8" x14ac:dyDescent="0.2">
      <c r="A183" s="901" t="s">
        <v>635</v>
      </c>
      <c r="B183" s="901"/>
      <c r="C183" s="901"/>
      <c r="D183" s="901"/>
      <c r="E183" s="901"/>
      <c r="F183" s="901"/>
      <c r="G183" s="901"/>
      <c r="H183" s="901"/>
    </row>
    <row r="184" spans="1:8" x14ac:dyDescent="0.2">
      <c r="A184" s="901" t="s">
        <v>629</v>
      </c>
      <c r="B184" s="901"/>
      <c r="C184" s="901"/>
    </row>
    <row r="191" spans="1:8" s="45" customFormat="1" x14ac:dyDescent="0.2"/>
    <row r="192" spans="1:8" s="45" customFormat="1" x14ac:dyDescent="0.2"/>
    <row r="193" s="45" customFormat="1" x14ac:dyDescent="0.2"/>
    <row r="194" s="45" customFormat="1" x14ac:dyDescent="0.2"/>
    <row r="195" s="45" customFormat="1" x14ac:dyDescent="0.2"/>
    <row r="196" s="45" customFormat="1" x14ac:dyDescent="0.2"/>
    <row r="197" s="45" customFormat="1" x14ac:dyDescent="0.2"/>
  </sheetData>
  <customSheetViews>
    <customSheetView guid="{6DBFA32C-4AA4-4E1D-9A48-697377C64CC3}" scale="90" showPageBreaks="1" showGridLines="0" fitToPage="1" printArea="1" topLeftCell="A155">
      <selection activeCell="G174" sqref="G174:H174"/>
      <pageMargins left="0.19685039370078741" right="0.19685039370078741" top="0.39370078740157483" bottom="0.59055118110236227" header="0" footer="0"/>
      <printOptions horizontalCentered="1"/>
      <pageSetup paperSize="9" scale="49" fitToHeight="2" orientation="portrait" r:id="rId1"/>
      <headerFooter alignWithMargins="0"/>
    </customSheetView>
    <customSheetView guid="{3AAF6A5F-F9AA-430B-9AD9-1261ECDF41B5}" scale="90" showPageBreaks="1" showGridLines="0" fitToPage="1" printArea="1" topLeftCell="A160">
      <selection activeCell="D186" sqref="D186"/>
      <pageMargins left="0.19685039370078741" right="0.19685039370078741" top="0.39370078740157483" bottom="0.59055118110236227" header="0" footer="0"/>
      <printOptions horizontalCentered="1"/>
      <pageSetup paperSize="9" scale="48" fitToHeight="2" orientation="portrait" r:id="rId2"/>
      <headerFooter alignWithMargins="0"/>
    </customSheetView>
    <customSheetView guid="{C779D862-DE28-46CD-A428-4AAA1056D1E1}" showPageBreaks="1" showGridLines="0" fitToPage="1" printArea="1">
      <selection activeCell="D186" sqref="D186"/>
      <pageMargins left="0.19685039370078741" right="0.19685039370078741" top="0.39370078740157483" bottom="0.78740157480314965" header="0" footer="0"/>
      <printOptions horizontalCentered="1"/>
      <pageSetup paperSize="9" scale="48" fitToHeight="2" orientation="portrait" r:id="rId3"/>
      <headerFooter alignWithMargins="0"/>
    </customSheetView>
    <customSheetView guid="{25EF1E0D-169B-4051-B414-7E1196FC05E4}" showGridLines="0" fitToPage="1">
      <selection activeCell="A8" sqref="A8"/>
      <pageMargins left="0.19685039370078741" right="0.19685039370078741" top="0.39370078740157483" bottom="0.59055118110236227" header="0" footer="0"/>
      <printOptions horizontalCentered="1"/>
      <pageSetup paperSize="9" scale="48" fitToHeight="2" orientation="portrait" r:id="rId4"/>
      <headerFooter alignWithMargins="0"/>
    </customSheetView>
    <customSheetView guid="{B4FED47C-EE37-4843-A570-282D4F8229D4}" showGridLines="0" fitToPage="1">
      <selection activeCell="A8" sqref="A8"/>
      <pageMargins left="0.19685039370078741" right="0.19685039370078741" top="0.39370078740157483" bottom="0.59055118110236227" header="0" footer="0"/>
      <printOptions horizontalCentered="1"/>
      <pageSetup paperSize="9" scale="48" fitToHeight="2" orientation="portrait" r:id="rId5"/>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6"/>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7"/>
      <headerFooter alignWithMargins="0"/>
    </customSheetView>
    <customSheetView guid="{82EDB5A4-4824-4632-A540-7A52C92F04C7}" scale="90" showPageBreaks="1" showGridLines="0" printArea="1">
      <selection activeCell="A5" sqref="A5:H5"/>
      <pageMargins left="0.19685039370078741" right="0.19685039370078741" top="0.39370078740157483" bottom="0.39370078740157483" header="0" footer="0"/>
      <printOptions horizontalCentered="1"/>
      <pageSetup paperSize="9" scale="65" fitToHeight="2" orientation="landscape" r:id="rId8"/>
      <headerFooter alignWithMargins="0"/>
    </customSheetView>
  </customSheetViews>
  <mergeCells count="337">
    <mergeCell ref="D45:E45"/>
    <mergeCell ref="F13:G13"/>
    <mergeCell ref="F14:G14"/>
    <mergeCell ref="F15:G15"/>
    <mergeCell ref="F16:G16"/>
    <mergeCell ref="F45:G45"/>
    <mergeCell ref="F31:G31"/>
    <mergeCell ref="F32:G32"/>
    <mergeCell ref="F33:G33"/>
    <mergeCell ref="F34:G34"/>
    <mergeCell ref="F35:G35"/>
    <mergeCell ref="F36:G36"/>
    <mergeCell ref="F37:G37"/>
    <mergeCell ref="F38:G38"/>
    <mergeCell ref="F39:G39"/>
    <mergeCell ref="F17:G17"/>
    <mergeCell ref="F18:G18"/>
    <mergeCell ref="F19:G19"/>
    <mergeCell ref="F20:G20"/>
    <mergeCell ref="F21:G21"/>
    <mergeCell ref="F22:G22"/>
    <mergeCell ref="F23:G23"/>
    <mergeCell ref="F24:G24"/>
    <mergeCell ref="F25:G25"/>
    <mergeCell ref="F26:G26"/>
    <mergeCell ref="F27:G27"/>
    <mergeCell ref="F28:G28"/>
    <mergeCell ref="F29:G29"/>
    <mergeCell ref="F30:G30"/>
    <mergeCell ref="F40:G40"/>
    <mergeCell ref="F41:G41"/>
    <mergeCell ref="F42:G42"/>
    <mergeCell ref="F43:G43"/>
    <mergeCell ref="D30:E30"/>
    <mergeCell ref="D31:E31"/>
    <mergeCell ref="D32:E32"/>
    <mergeCell ref="D33:E33"/>
    <mergeCell ref="D34:E34"/>
    <mergeCell ref="D35:E35"/>
    <mergeCell ref="F44:G44"/>
    <mergeCell ref="D36:E36"/>
    <mergeCell ref="D37:E37"/>
    <mergeCell ref="D38:E38"/>
    <mergeCell ref="D39:E39"/>
    <mergeCell ref="D40:E40"/>
    <mergeCell ref="D41:E41"/>
    <mergeCell ref="D42:E42"/>
    <mergeCell ref="D43:E43"/>
    <mergeCell ref="D44:E44"/>
    <mergeCell ref="D66:E66"/>
    <mergeCell ref="D67:E67"/>
    <mergeCell ref="D68:E68"/>
    <mergeCell ref="D69:E69"/>
    <mergeCell ref="D70:E70"/>
    <mergeCell ref="F66:G66"/>
    <mergeCell ref="F67:G67"/>
    <mergeCell ref="D13:E13"/>
    <mergeCell ref="D14:E14"/>
    <mergeCell ref="D15:E15"/>
    <mergeCell ref="D16:E16"/>
    <mergeCell ref="D17:E17"/>
    <mergeCell ref="D18:E18"/>
    <mergeCell ref="D19:E19"/>
    <mergeCell ref="D20:E20"/>
    <mergeCell ref="D21:E21"/>
    <mergeCell ref="D22:E22"/>
    <mergeCell ref="D23:E23"/>
    <mergeCell ref="D24:E24"/>
    <mergeCell ref="D25:E25"/>
    <mergeCell ref="D26:E26"/>
    <mergeCell ref="D27:E27"/>
    <mergeCell ref="D28:E28"/>
    <mergeCell ref="D29:E29"/>
    <mergeCell ref="D60:E60"/>
    <mergeCell ref="D61:E61"/>
    <mergeCell ref="D49:E49"/>
    <mergeCell ref="D50:E50"/>
    <mergeCell ref="D51:E51"/>
    <mergeCell ref="D52:E52"/>
    <mergeCell ref="D53:E53"/>
    <mergeCell ref="D54:E54"/>
    <mergeCell ref="F49:G49"/>
    <mergeCell ref="F50:G50"/>
    <mergeCell ref="F51:G51"/>
    <mergeCell ref="F52:G52"/>
    <mergeCell ref="F53:G53"/>
    <mergeCell ref="D46:E46"/>
    <mergeCell ref="F46:H46"/>
    <mergeCell ref="F47:G47"/>
    <mergeCell ref="D48:E48"/>
    <mergeCell ref="F48:G48"/>
    <mergeCell ref="D55:E55"/>
    <mergeCell ref="F57:G57"/>
    <mergeCell ref="F58:G58"/>
    <mergeCell ref="F59:G59"/>
    <mergeCell ref="D47:E47"/>
    <mergeCell ref="D58:E58"/>
    <mergeCell ref="D59:E59"/>
    <mergeCell ref="B52:C52"/>
    <mergeCell ref="B53:C53"/>
    <mergeCell ref="B57:C57"/>
    <mergeCell ref="B58:C58"/>
    <mergeCell ref="B59:C59"/>
    <mergeCell ref="B60:C60"/>
    <mergeCell ref="B61:C61"/>
    <mergeCell ref="B85:C85"/>
    <mergeCell ref="B86:C86"/>
    <mergeCell ref="B70:C70"/>
    <mergeCell ref="B75:C75"/>
    <mergeCell ref="B76:C76"/>
    <mergeCell ref="B77:C77"/>
    <mergeCell ref="B66:C66"/>
    <mergeCell ref="B67:C67"/>
    <mergeCell ref="B68:C68"/>
    <mergeCell ref="B69:C69"/>
    <mergeCell ref="B82:C82"/>
    <mergeCell ref="B55:C56"/>
    <mergeCell ref="B73:C74"/>
    <mergeCell ref="D78:E78"/>
    <mergeCell ref="D84:E84"/>
    <mergeCell ref="D85:E85"/>
    <mergeCell ref="D86:E86"/>
    <mergeCell ref="A111:F111"/>
    <mergeCell ref="A110:F110"/>
    <mergeCell ref="B116:C116"/>
    <mergeCell ref="D116:E116"/>
    <mergeCell ref="A102:F102"/>
    <mergeCell ref="A103:F103"/>
    <mergeCell ref="B78:C78"/>
    <mergeCell ref="B79:C79"/>
    <mergeCell ref="F80:G80"/>
    <mergeCell ref="D79:E79"/>
    <mergeCell ref="D80:E80"/>
    <mergeCell ref="D81:E81"/>
    <mergeCell ref="D82:E82"/>
    <mergeCell ref="D83:E83"/>
    <mergeCell ref="B83:C83"/>
    <mergeCell ref="B84:C84"/>
    <mergeCell ref="F84:G84"/>
    <mergeCell ref="F85:G85"/>
    <mergeCell ref="F86:G86"/>
    <mergeCell ref="B81:C81"/>
    <mergeCell ref="F68:G68"/>
    <mergeCell ref="F69:G69"/>
    <mergeCell ref="F70:G70"/>
    <mergeCell ref="F75:G75"/>
    <mergeCell ref="F76:G76"/>
    <mergeCell ref="F77:G77"/>
    <mergeCell ref="F78:G78"/>
    <mergeCell ref="F79:G79"/>
    <mergeCell ref="F60:G60"/>
    <mergeCell ref="F61:G61"/>
    <mergeCell ref="F62:G62"/>
    <mergeCell ref="F63:G63"/>
    <mergeCell ref="F64:G64"/>
    <mergeCell ref="F65:G65"/>
    <mergeCell ref="B40:C40"/>
    <mergeCell ref="B41:C41"/>
    <mergeCell ref="B42:C42"/>
    <mergeCell ref="B43:C43"/>
    <mergeCell ref="B44:C44"/>
    <mergeCell ref="B45:C45"/>
    <mergeCell ref="B49:C49"/>
    <mergeCell ref="B50:C50"/>
    <mergeCell ref="B51:C51"/>
    <mergeCell ref="B46:C46"/>
    <mergeCell ref="B47:C48"/>
    <mergeCell ref="B31:C31"/>
    <mergeCell ref="B32:C32"/>
    <mergeCell ref="B33:C33"/>
    <mergeCell ref="B34:C34"/>
    <mergeCell ref="B35:C35"/>
    <mergeCell ref="B36:C36"/>
    <mergeCell ref="B37:C37"/>
    <mergeCell ref="B38:C38"/>
    <mergeCell ref="B39:C39"/>
    <mergeCell ref="B22:C22"/>
    <mergeCell ref="B23:C23"/>
    <mergeCell ref="B24:C24"/>
    <mergeCell ref="B25:C25"/>
    <mergeCell ref="B26:C26"/>
    <mergeCell ref="B27:C27"/>
    <mergeCell ref="B28:C28"/>
    <mergeCell ref="B29:C29"/>
    <mergeCell ref="B30:C30"/>
    <mergeCell ref="B13:C13"/>
    <mergeCell ref="B14:C14"/>
    <mergeCell ref="B15:C15"/>
    <mergeCell ref="B16:C16"/>
    <mergeCell ref="B17:C17"/>
    <mergeCell ref="B18:C18"/>
    <mergeCell ref="B19:C19"/>
    <mergeCell ref="B20:C20"/>
    <mergeCell ref="B21:C21"/>
    <mergeCell ref="A3:H3"/>
    <mergeCell ref="A4:H4"/>
    <mergeCell ref="A5:H5"/>
    <mergeCell ref="A6:H6"/>
    <mergeCell ref="A7:H7"/>
    <mergeCell ref="A9:H9"/>
    <mergeCell ref="F12:G12"/>
    <mergeCell ref="B10:C10"/>
    <mergeCell ref="F10:H10"/>
    <mergeCell ref="D10:E10"/>
    <mergeCell ref="D11:E11"/>
    <mergeCell ref="D12:E12"/>
    <mergeCell ref="F11:G11"/>
    <mergeCell ref="A10:A11"/>
    <mergeCell ref="B11:C12"/>
    <mergeCell ref="A166:B166"/>
    <mergeCell ref="F81:G81"/>
    <mergeCell ref="B80:C80"/>
    <mergeCell ref="A146:D146"/>
    <mergeCell ref="A147:D147"/>
    <mergeCell ref="G101:H101"/>
    <mergeCell ref="G100:H100"/>
    <mergeCell ref="G103:H103"/>
    <mergeCell ref="A100:F100"/>
    <mergeCell ref="A101:F101"/>
    <mergeCell ref="G113:H113"/>
    <mergeCell ref="F82:G82"/>
    <mergeCell ref="F83:G83"/>
    <mergeCell ref="D119:E119"/>
    <mergeCell ref="A106:F106"/>
    <mergeCell ref="G108:H108"/>
    <mergeCell ref="G106:H106"/>
    <mergeCell ref="G105:H105"/>
    <mergeCell ref="G104:H104"/>
    <mergeCell ref="B90:B91"/>
    <mergeCell ref="B117:C118"/>
    <mergeCell ref="B121:B122"/>
    <mergeCell ref="B153:B154"/>
    <mergeCell ref="G114:H114"/>
    <mergeCell ref="A114:F114"/>
    <mergeCell ref="B119:C119"/>
    <mergeCell ref="G149:H149"/>
    <mergeCell ref="G147:H147"/>
    <mergeCell ref="G146:H146"/>
    <mergeCell ref="G139:H139"/>
    <mergeCell ref="F118:G118"/>
    <mergeCell ref="A152:A154"/>
    <mergeCell ref="G175:H175"/>
    <mergeCell ref="D65:E65"/>
    <mergeCell ref="D57:E57"/>
    <mergeCell ref="B62:C62"/>
    <mergeCell ref="B63:C63"/>
    <mergeCell ref="B64:C64"/>
    <mergeCell ref="B65:C65"/>
    <mergeCell ref="G171:H171"/>
    <mergeCell ref="G172:H172"/>
    <mergeCell ref="G173:H173"/>
    <mergeCell ref="G140:H140"/>
    <mergeCell ref="G141:H141"/>
    <mergeCell ref="G142:H142"/>
    <mergeCell ref="G143:H143"/>
    <mergeCell ref="G144:H144"/>
    <mergeCell ref="G145:H145"/>
    <mergeCell ref="G170:H170"/>
    <mergeCell ref="F161:H163"/>
    <mergeCell ref="F166:H166"/>
    <mergeCell ref="C165:E165"/>
    <mergeCell ref="C166:E166"/>
    <mergeCell ref="A161:B163"/>
    <mergeCell ref="A112:F112"/>
    <mergeCell ref="D120:E120"/>
    <mergeCell ref="A184:C184"/>
    <mergeCell ref="A183:H183"/>
    <mergeCell ref="A151:H151"/>
    <mergeCell ref="C161:E163"/>
    <mergeCell ref="A104:F104"/>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G176:H176"/>
    <mergeCell ref="C164:E164"/>
    <mergeCell ref="F164:H164"/>
    <mergeCell ref="F165:H165"/>
    <mergeCell ref="A181:F181"/>
    <mergeCell ref="G174:H174"/>
    <mergeCell ref="A54:A56"/>
    <mergeCell ref="A46:A48"/>
    <mergeCell ref="A116:A118"/>
    <mergeCell ref="A120:A122"/>
    <mergeCell ref="A136:F138"/>
    <mergeCell ref="G136:H138"/>
    <mergeCell ref="A99:H99"/>
    <mergeCell ref="D72:E72"/>
    <mergeCell ref="F72:H72"/>
    <mergeCell ref="A71:H71"/>
    <mergeCell ref="D73:E73"/>
    <mergeCell ref="F73:G73"/>
    <mergeCell ref="H89:H90"/>
    <mergeCell ref="F54:H54"/>
    <mergeCell ref="D74:E74"/>
    <mergeCell ref="F74:G74"/>
    <mergeCell ref="F55:G55"/>
    <mergeCell ref="D56:E56"/>
    <mergeCell ref="F56:G56"/>
    <mergeCell ref="B72:C72"/>
    <mergeCell ref="B54:C54"/>
    <mergeCell ref="D62:E62"/>
    <mergeCell ref="D63:E63"/>
    <mergeCell ref="D64:E64"/>
    <mergeCell ref="A72:A74"/>
    <mergeCell ref="H153:H154"/>
    <mergeCell ref="F119:G119"/>
    <mergeCell ref="A107:F107"/>
    <mergeCell ref="F116:H116"/>
    <mergeCell ref="G107:H107"/>
    <mergeCell ref="G111:H111"/>
    <mergeCell ref="D89:E89"/>
    <mergeCell ref="F89:G89"/>
    <mergeCell ref="A105:F105"/>
    <mergeCell ref="A89:A91"/>
    <mergeCell ref="G102:H102"/>
    <mergeCell ref="D75:E75"/>
    <mergeCell ref="D76:E76"/>
    <mergeCell ref="D77:E77"/>
    <mergeCell ref="G110:H110"/>
    <mergeCell ref="G109:H109"/>
    <mergeCell ref="F120:G120"/>
    <mergeCell ref="D117:E117"/>
    <mergeCell ref="D118:E118"/>
    <mergeCell ref="F117:G117"/>
    <mergeCell ref="A113:F113"/>
    <mergeCell ref="A115:H115"/>
    <mergeCell ref="G112:H112"/>
  </mergeCells>
  <printOptions horizontalCentered="1"/>
  <pageMargins left="0.19685039370078741" right="0.19685039370078741" top="0.39370078740157483" bottom="0.59055118110236227" header="0" footer="0"/>
  <pageSetup paperSize="9" scale="48" fitToHeight="2" orientation="portrait" r:id="rId9"/>
  <headerFooter alignWithMargins="0"/>
  <drawing r:id="rId1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37"/>
  <sheetViews>
    <sheetView showGridLines="0" zoomScaleNormal="100" workbookViewId="0"/>
  </sheetViews>
  <sheetFormatPr defaultRowHeight="10.5" x14ac:dyDescent="0.2"/>
  <cols>
    <col min="1" max="1" width="63.5703125" style="76" customWidth="1"/>
    <col min="2" max="2" width="19" style="76" bestFit="1" customWidth="1"/>
    <col min="3" max="3" width="18.5703125" style="76" customWidth="1"/>
    <col min="4" max="4" width="19.140625" style="76" customWidth="1"/>
    <col min="5" max="5" width="17.28515625" style="76" customWidth="1"/>
    <col min="6" max="6" width="19" style="76" bestFit="1" customWidth="1"/>
    <col min="7" max="7" width="16.85546875" style="76" customWidth="1"/>
    <col min="8" max="8" width="15.7109375" style="76" customWidth="1"/>
    <col min="9" max="16384" width="9.140625" style="76"/>
  </cols>
  <sheetData>
    <row r="1" spans="1:8" s="136" customFormat="1" x14ac:dyDescent="0.2">
      <c r="A1" s="134"/>
      <c r="B1" s="134"/>
      <c r="C1" s="134"/>
      <c r="D1" s="134"/>
      <c r="E1" s="134"/>
      <c r="F1" s="134"/>
      <c r="G1" s="134"/>
    </row>
    <row r="2" spans="1:8" s="136" customFormat="1" x14ac:dyDescent="0.2">
      <c r="A2" s="137"/>
      <c r="B2" s="137"/>
      <c r="C2" s="137"/>
      <c r="D2" s="137"/>
      <c r="E2" s="137"/>
    </row>
    <row r="3" spans="1:8" s="140" customFormat="1" x14ac:dyDescent="0.2">
      <c r="A3" s="966" t="s">
        <v>638</v>
      </c>
      <c r="B3" s="966"/>
      <c r="C3" s="966"/>
      <c r="D3" s="966"/>
      <c r="E3" s="966"/>
      <c r="F3" s="966"/>
      <c r="G3" s="966"/>
      <c r="H3" s="966"/>
    </row>
    <row r="4" spans="1:8" s="140" customFormat="1" x14ac:dyDescent="0.2">
      <c r="A4" s="966" t="s">
        <v>105</v>
      </c>
      <c r="B4" s="966"/>
      <c r="C4" s="966"/>
      <c r="D4" s="966"/>
      <c r="E4" s="966"/>
      <c r="F4" s="966"/>
      <c r="G4" s="966"/>
      <c r="H4" s="966"/>
    </row>
    <row r="5" spans="1:8" s="140" customFormat="1" x14ac:dyDescent="0.2">
      <c r="A5" s="951" t="s">
        <v>391</v>
      </c>
      <c r="B5" s="951"/>
      <c r="C5" s="951"/>
      <c r="D5" s="951"/>
      <c r="E5" s="951"/>
      <c r="F5" s="951"/>
      <c r="G5" s="951"/>
      <c r="H5" s="951"/>
    </row>
    <row r="6" spans="1:8" s="140" customFormat="1" x14ac:dyDescent="0.2">
      <c r="A6" s="966" t="s">
        <v>107</v>
      </c>
      <c r="B6" s="966"/>
      <c r="C6" s="966"/>
      <c r="D6" s="966"/>
      <c r="E6" s="966"/>
      <c r="F6" s="966"/>
      <c r="G6" s="966"/>
      <c r="H6" s="966"/>
    </row>
    <row r="7" spans="1:8" s="140" customFormat="1" x14ac:dyDescent="0.2">
      <c r="A7" s="966" t="s">
        <v>902</v>
      </c>
      <c r="B7" s="966"/>
      <c r="C7" s="966"/>
      <c r="D7" s="966"/>
      <c r="E7" s="966"/>
      <c r="F7" s="966"/>
      <c r="G7" s="966"/>
      <c r="H7" s="966"/>
    </row>
    <row r="8" spans="1:8" s="136" customFormat="1" x14ac:dyDescent="0.2">
      <c r="A8" s="137"/>
      <c r="B8" s="137"/>
      <c r="C8" s="137"/>
      <c r="D8" s="137"/>
      <c r="E8" s="137"/>
    </row>
    <row r="9" spans="1:8" s="136" customFormat="1" x14ac:dyDescent="0.2">
      <c r="A9" s="138" t="s">
        <v>414</v>
      </c>
      <c r="B9" s="135"/>
      <c r="C9" s="135"/>
      <c r="D9" s="135"/>
      <c r="H9" s="225">
        <v>1</v>
      </c>
    </row>
    <row r="10" spans="1:8" ht="15" customHeight="1" x14ac:dyDescent="0.2">
      <c r="A10" s="868" t="s">
        <v>392</v>
      </c>
      <c r="B10" s="967" t="s">
        <v>426</v>
      </c>
      <c r="C10" s="865" t="s">
        <v>235</v>
      </c>
      <c r="D10" s="894"/>
      <c r="E10" s="877" t="s">
        <v>109</v>
      </c>
      <c r="F10" s="878"/>
      <c r="G10" s="878"/>
      <c r="H10" s="878"/>
    </row>
    <row r="11" spans="1:8" ht="15" customHeight="1" x14ac:dyDescent="0.15">
      <c r="A11" s="869"/>
      <c r="B11" s="968"/>
      <c r="C11" s="866"/>
      <c r="D11" s="895"/>
      <c r="E11" s="899" t="s">
        <v>115</v>
      </c>
      <c r="F11" s="900"/>
      <c r="G11" s="899" t="s">
        <v>114</v>
      </c>
      <c r="H11" s="988"/>
    </row>
    <row r="12" spans="1:8" ht="15" customHeight="1" x14ac:dyDescent="0.2">
      <c r="A12" s="870"/>
      <c r="B12" s="969"/>
      <c r="C12" s="952" t="s">
        <v>116</v>
      </c>
      <c r="D12" s="953"/>
      <c r="E12" s="952" t="s">
        <v>117</v>
      </c>
      <c r="F12" s="953"/>
      <c r="G12" s="952" t="s">
        <v>224</v>
      </c>
      <c r="H12" s="982"/>
    </row>
    <row r="13" spans="1:8" s="281" customFormat="1" ht="15" customHeight="1" x14ac:dyDescent="0.2">
      <c r="A13" s="99" t="s">
        <v>403</v>
      </c>
      <c r="B13" s="580">
        <v>8815620800</v>
      </c>
      <c r="C13" s="945">
        <v>8869969537.3099995</v>
      </c>
      <c r="D13" s="954"/>
      <c r="E13" s="945">
        <v>3117682143.6300006</v>
      </c>
      <c r="F13" s="954"/>
      <c r="G13" s="945">
        <v>35.148735635629947</v>
      </c>
      <c r="H13" s="946"/>
    </row>
    <row r="14" spans="1:8" x14ac:dyDescent="0.2">
      <c r="A14" s="81" t="s">
        <v>404</v>
      </c>
      <c r="B14" s="581">
        <v>114800000</v>
      </c>
      <c r="C14" s="883">
        <v>114800000</v>
      </c>
      <c r="D14" s="925"/>
      <c r="E14" s="883">
        <v>63418908.18</v>
      </c>
      <c r="F14" s="925"/>
      <c r="G14" s="883">
        <v>55.242951376306614</v>
      </c>
      <c r="H14" s="884"/>
    </row>
    <row r="15" spans="1:8" ht="21" x14ac:dyDescent="0.2">
      <c r="A15" s="81" t="s">
        <v>438</v>
      </c>
      <c r="B15" s="581">
        <v>7734831400</v>
      </c>
      <c r="C15" s="883">
        <v>7734831400</v>
      </c>
      <c r="D15" s="925"/>
      <c r="E15" s="883">
        <v>2468996745.4800005</v>
      </c>
      <c r="F15" s="925"/>
      <c r="G15" s="883">
        <v>31.920498557731982</v>
      </c>
      <c r="H15" s="884"/>
    </row>
    <row r="16" spans="1:8" x14ac:dyDescent="0.2">
      <c r="A16" s="81" t="s">
        <v>405</v>
      </c>
      <c r="B16" s="581">
        <v>317100000</v>
      </c>
      <c r="C16" s="883">
        <v>371079656.57999998</v>
      </c>
      <c r="D16" s="925"/>
      <c r="E16" s="883">
        <v>371079656.57999998</v>
      </c>
      <c r="F16" s="925"/>
      <c r="G16" s="883">
        <v>100</v>
      </c>
      <c r="H16" s="884"/>
    </row>
    <row r="17" spans="1:8" ht="12.75" customHeight="1" x14ac:dyDescent="0.2">
      <c r="A17" s="81" t="s">
        <v>393</v>
      </c>
      <c r="B17" s="581">
        <v>588500000</v>
      </c>
      <c r="C17" s="883">
        <v>588500000</v>
      </c>
      <c r="D17" s="925"/>
      <c r="E17" s="883">
        <v>196596064.34</v>
      </c>
      <c r="F17" s="925"/>
      <c r="G17" s="883">
        <v>33.406298103653356</v>
      </c>
      <c r="H17" s="884"/>
    </row>
    <row r="18" spans="1:8" ht="10.5" customHeight="1" x14ac:dyDescent="0.2">
      <c r="A18" s="81" t="s">
        <v>406</v>
      </c>
      <c r="B18" s="319">
        <v>44220000</v>
      </c>
      <c r="C18" s="983">
        <v>44220000</v>
      </c>
      <c r="D18" s="984"/>
      <c r="E18" s="883">
        <v>14982228.9</v>
      </c>
      <c r="F18" s="925"/>
      <c r="G18" s="883">
        <v>33.881114654002715</v>
      </c>
      <c r="H18" s="884"/>
    </row>
    <row r="19" spans="1:8" ht="12.75" customHeight="1" x14ac:dyDescent="0.2">
      <c r="A19" s="81" t="s">
        <v>407</v>
      </c>
      <c r="B19" s="581">
        <v>16169400</v>
      </c>
      <c r="C19" s="983">
        <v>16538480.73</v>
      </c>
      <c r="D19" s="984"/>
      <c r="E19" s="883">
        <v>2608540.15</v>
      </c>
      <c r="F19" s="925"/>
      <c r="G19" s="883">
        <v>15.772550046076692</v>
      </c>
      <c r="H19" s="884"/>
    </row>
    <row r="20" spans="1:8" ht="12.75" customHeight="1" x14ac:dyDescent="0.2">
      <c r="A20" s="81" t="s">
        <v>408</v>
      </c>
      <c r="B20" s="581">
        <v>0</v>
      </c>
      <c r="C20" s="883">
        <v>0</v>
      </c>
      <c r="D20" s="925"/>
      <c r="E20" s="883">
        <v>0</v>
      </c>
      <c r="F20" s="925"/>
      <c r="G20" s="883">
        <v>0</v>
      </c>
      <c r="H20" s="884"/>
    </row>
    <row r="21" spans="1:8" s="281" customFormat="1" ht="15" customHeight="1" x14ac:dyDescent="0.2">
      <c r="A21" s="282" t="s">
        <v>439</v>
      </c>
      <c r="B21" s="582">
        <v>1301100000</v>
      </c>
      <c r="C21" s="923">
        <v>1301100000</v>
      </c>
      <c r="D21" s="924"/>
      <c r="E21" s="923">
        <v>388996703.43999994</v>
      </c>
      <c r="F21" s="924"/>
      <c r="G21" s="923">
        <v>29.897525435400812</v>
      </c>
      <c r="H21" s="991"/>
    </row>
    <row r="22" spans="1:8" x14ac:dyDescent="0.2">
      <c r="A22" s="81" t="s">
        <v>409</v>
      </c>
      <c r="B22" s="583">
        <v>1164100000</v>
      </c>
      <c r="C22" s="883">
        <v>1164100000</v>
      </c>
      <c r="D22" s="925"/>
      <c r="E22" s="883">
        <v>354081446.39999998</v>
      </c>
      <c r="F22" s="925"/>
      <c r="G22" s="883">
        <v>30.41675512413023</v>
      </c>
      <c r="H22" s="884"/>
    </row>
    <row r="23" spans="1:8" x14ac:dyDescent="0.2">
      <c r="A23" s="81" t="s">
        <v>410</v>
      </c>
      <c r="B23" s="583">
        <v>118900000</v>
      </c>
      <c r="C23" s="883">
        <v>118900000</v>
      </c>
      <c r="D23" s="925"/>
      <c r="E23" s="883">
        <v>28896338.280000001</v>
      </c>
      <c r="F23" s="925"/>
      <c r="G23" s="883">
        <v>24.303059949537428</v>
      </c>
      <c r="H23" s="884"/>
    </row>
    <row r="24" spans="1:8" ht="21" x14ac:dyDescent="0.2">
      <c r="A24" s="81" t="s">
        <v>888</v>
      </c>
      <c r="B24" s="583">
        <v>18100000</v>
      </c>
      <c r="C24" s="883">
        <v>18100000</v>
      </c>
      <c r="D24" s="925"/>
      <c r="E24" s="883">
        <v>6018918.7599999998</v>
      </c>
      <c r="F24" s="925"/>
      <c r="G24" s="883">
        <v>33.253694806629838</v>
      </c>
      <c r="H24" s="884"/>
    </row>
    <row r="25" spans="1:8" x14ac:dyDescent="0.2">
      <c r="A25" s="81" t="s">
        <v>411</v>
      </c>
      <c r="B25" s="583">
        <v>18100000</v>
      </c>
      <c r="C25" s="883">
        <v>18100000</v>
      </c>
      <c r="D25" s="925"/>
      <c r="E25" s="883">
        <v>6018918.7599999998</v>
      </c>
      <c r="F25" s="925"/>
      <c r="G25" s="883">
        <v>33.253694806629838</v>
      </c>
      <c r="H25" s="884"/>
    </row>
    <row r="26" spans="1:8" x14ac:dyDescent="0.2">
      <c r="A26" s="81" t="s">
        <v>412</v>
      </c>
      <c r="B26" s="583">
        <v>0</v>
      </c>
      <c r="C26" s="883">
        <v>0</v>
      </c>
      <c r="D26" s="925"/>
      <c r="E26" s="883">
        <v>0</v>
      </c>
      <c r="F26" s="925"/>
      <c r="G26" s="883">
        <v>0</v>
      </c>
      <c r="H26" s="884"/>
    </row>
    <row r="27" spans="1:8" s="281" customFormat="1" ht="25.5" customHeight="1" x14ac:dyDescent="0.2">
      <c r="A27" s="282" t="s">
        <v>440</v>
      </c>
      <c r="B27" s="580">
        <v>2120849450</v>
      </c>
      <c r="C27" s="923">
        <v>2148023818.6549997</v>
      </c>
      <c r="D27" s="924"/>
      <c r="E27" s="923">
        <v>809657055.61500025</v>
      </c>
      <c r="F27" s="924"/>
      <c r="G27" s="923">
        <v>37.693113483349208</v>
      </c>
      <c r="H27" s="991"/>
    </row>
    <row r="28" spans="1:8" x14ac:dyDescent="0.2">
      <c r="A28" s="81" t="s">
        <v>441</v>
      </c>
      <c r="B28" s="583">
        <v>1924928650</v>
      </c>
      <c r="C28" s="883">
        <v>1924928650</v>
      </c>
      <c r="D28" s="925"/>
      <c r="E28" s="883">
        <v>614620470.32000017</v>
      </c>
      <c r="F28" s="925"/>
      <c r="G28" s="883">
        <v>31.929519586089601</v>
      </c>
      <c r="H28" s="884"/>
    </row>
    <row r="29" spans="1:8" x14ac:dyDescent="0.2">
      <c r="A29" s="81" t="s">
        <v>442</v>
      </c>
      <c r="B29" s="583">
        <v>166195800</v>
      </c>
      <c r="C29" s="883">
        <v>193370168.655</v>
      </c>
      <c r="D29" s="925"/>
      <c r="E29" s="883">
        <v>187812500.72499999</v>
      </c>
      <c r="F29" s="925"/>
      <c r="G29" s="883">
        <v>97.125891770867881</v>
      </c>
      <c r="H29" s="884"/>
    </row>
    <row r="30" spans="1:8" ht="12" customHeight="1" x14ac:dyDescent="0.2">
      <c r="A30" s="81" t="s">
        <v>443</v>
      </c>
      <c r="B30" s="583">
        <v>29725000</v>
      </c>
      <c r="C30" s="879">
        <v>29725000</v>
      </c>
      <c r="D30" s="955"/>
      <c r="E30" s="879">
        <v>7224084.5700000003</v>
      </c>
      <c r="F30" s="955"/>
      <c r="G30" s="879">
        <v>24.303059949537428</v>
      </c>
      <c r="H30" s="880"/>
    </row>
    <row r="31" spans="1:8" ht="24.95" customHeight="1" x14ac:dyDescent="0.2">
      <c r="A31" s="278" t="s">
        <v>444</v>
      </c>
      <c r="B31" s="584">
        <v>7995871350</v>
      </c>
      <c r="C31" s="949">
        <v>8023045718.6549997</v>
      </c>
      <c r="D31" s="956"/>
      <c r="E31" s="949">
        <v>2697021791.4550004</v>
      </c>
      <c r="F31" s="956"/>
      <c r="G31" s="949">
        <v>33.615934472166195</v>
      </c>
      <c r="H31" s="950"/>
    </row>
    <row r="32" spans="1:8" x14ac:dyDescent="0.2">
      <c r="A32" s="83"/>
      <c r="B32" s="86"/>
      <c r="C32" s="83"/>
      <c r="D32" s="325"/>
      <c r="E32" s="83"/>
      <c r="F32" s="356"/>
      <c r="G32" s="83"/>
      <c r="H32" s="83"/>
    </row>
    <row r="33" spans="1:8" ht="15" customHeight="1" x14ac:dyDescent="0.2">
      <c r="A33" s="891" t="s">
        <v>394</v>
      </c>
      <c r="B33" s="967" t="s">
        <v>426</v>
      </c>
      <c r="C33" s="865" t="s">
        <v>235</v>
      </c>
      <c r="D33" s="894"/>
      <c r="E33" s="877" t="s">
        <v>109</v>
      </c>
      <c r="F33" s="878"/>
      <c r="G33" s="878"/>
      <c r="H33" s="878"/>
    </row>
    <row r="34" spans="1:8" ht="15" customHeight="1" x14ac:dyDescent="0.15">
      <c r="A34" s="892"/>
      <c r="B34" s="968"/>
      <c r="C34" s="866"/>
      <c r="D34" s="895"/>
      <c r="E34" s="899" t="s">
        <v>115</v>
      </c>
      <c r="F34" s="900"/>
      <c r="G34" s="899" t="s">
        <v>114</v>
      </c>
      <c r="H34" s="988"/>
    </row>
    <row r="35" spans="1:8" ht="15" customHeight="1" x14ac:dyDescent="0.2">
      <c r="A35" s="893"/>
      <c r="B35" s="969"/>
      <c r="C35" s="952" t="s">
        <v>152</v>
      </c>
      <c r="D35" s="953"/>
      <c r="E35" s="952" t="s">
        <v>162</v>
      </c>
      <c r="F35" s="953"/>
      <c r="G35" s="952" t="s">
        <v>225</v>
      </c>
      <c r="H35" s="982"/>
    </row>
    <row r="36" spans="1:8" s="281" customFormat="1" ht="15.75" customHeight="1" x14ac:dyDescent="0.2">
      <c r="A36" s="280" t="s">
        <v>355</v>
      </c>
      <c r="B36" s="551">
        <v>288751500</v>
      </c>
      <c r="C36" s="945">
        <v>288751500</v>
      </c>
      <c r="D36" s="954"/>
      <c r="E36" s="945">
        <v>59026296.43</v>
      </c>
      <c r="F36" s="954"/>
      <c r="G36" s="945">
        <v>20.441901229950322</v>
      </c>
      <c r="H36" s="946"/>
    </row>
    <row r="37" spans="1:8" x14ac:dyDescent="0.2">
      <c r="A37" s="87" t="s">
        <v>395</v>
      </c>
      <c r="B37" s="549">
        <v>205626500</v>
      </c>
      <c r="C37" s="883">
        <v>205626500</v>
      </c>
      <c r="D37" s="925"/>
      <c r="E37" s="883">
        <v>38808025.289999999</v>
      </c>
      <c r="F37" s="925"/>
      <c r="G37" s="883">
        <v>18.873066112587626</v>
      </c>
      <c r="H37" s="884"/>
    </row>
    <row r="38" spans="1:8" x14ac:dyDescent="0.2">
      <c r="A38" s="87" t="s">
        <v>413</v>
      </c>
      <c r="B38" s="549">
        <v>0</v>
      </c>
      <c r="C38" s="883">
        <v>0</v>
      </c>
      <c r="D38" s="925"/>
      <c r="E38" s="883">
        <v>0</v>
      </c>
      <c r="F38" s="925"/>
      <c r="G38" s="883">
        <v>0</v>
      </c>
      <c r="H38" s="884"/>
    </row>
    <row r="39" spans="1:8" x14ac:dyDescent="0.2">
      <c r="A39" s="87" t="s">
        <v>396</v>
      </c>
      <c r="B39" s="549">
        <v>0</v>
      </c>
      <c r="C39" s="883">
        <v>0</v>
      </c>
      <c r="D39" s="925"/>
      <c r="E39" s="883">
        <v>0</v>
      </c>
      <c r="F39" s="925"/>
      <c r="G39" s="883">
        <v>0</v>
      </c>
      <c r="H39" s="884"/>
    </row>
    <row r="40" spans="1:8" s="18" customFormat="1" x14ac:dyDescent="0.2">
      <c r="A40" s="83" t="s">
        <v>445</v>
      </c>
      <c r="B40" s="549">
        <v>83125000</v>
      </c>
      <c r="C40" s="883">
        <v>83125000</v>
      </c>
      <c r="D40" s="925"/>
      <c r="E40" s="883">
        <v>20218271.140000001</v>
      </c>
      <c r="F40" s="925"/>
      <c r="G40" s="883">
        <v>24.32273219849624</v>
      </c>
      <c r="H40" s="884"/>
    </row>
    <row r="41" spans="1:8" s="281" customFormat="1" ht="15" customHeight="1" x14ac:dyDescent="0.2">
      <c r="A41" s="280" t="s">
        <v>397</v>
      </c>
      <c r="B41" s="550">
        <v>0</v>
      </c>
      <c r="C41" s="923">
        <v>0</v>
      </c>
      <c r="D41" s="924"/>
      <c r="E41" s="923">
        <v>0</v>
      </c>
      <c r="F41" s="924"/>
      <c r="G41" s="923">
        <v>0</v>
      </c>
      <c r="H41" s="991"/>
    </row>
    <row r="42" spans="1:8" s="281" customFormat="1" ht="15" customHeight="1" x14ac:dyDescent="0.2">
      <c r="A42" s="230" t="s">
        <v>351</v>
      </c>
      <c r="B42" s="550">
        <v>0</v>
      </c>
      <c r="C42" s="883">
        <v>0</v>
      </c>
      <c r="D42" s="925"/>
      <c r="E42" s="923">
        <v>0</v>
      </c>
      <c r="F42" s="924"/>
      <c r="G42" s="923">
        <v>0</v>
      </c>
      <c r="H42" s="991"/>
    </row>
    <row r="43" spans="1:8" s="281" customFormat="1" ht="15" customHeight="1" x14ac:dyDescent="0.2">
      <c r="A43" s="265" t="s">
        <v>446</v>
      </c>
      <c r="B43" s="585">
        <v>0</v>
      </c>
      <c r="C43" s="879">
        <v>0</v>
      </c>
      <c r="D43" s="955"/>
      <c r="E43" s="937">
        <v>0</v>
      </c>
      <c r="F43" s="957"/>
      <c r="G43" s="937">
        <v>0</v>
      </c>
      <c r="H43" s="938"/>
    </row>
    <row r="44" spans="1:8" ht="15" customHeight="1" x14ac:dyDescent="0.2">
      <c r="A44" s="233" t="s">
        <v>398</v>
      </c>
      <c r="B44" s="584">
        <v>288751500</v>
      </c>
      <c r="C44" s="949">
        <v>288751500</v>
      </c>
      <c r="D44" s="956"/>
      <c r="E44" s="949">
        <v>59026296.43</v>
      </c>
      <c r="F44" s="956"/>
      <c r="G44" s="949">
        <v>20.441901229950322</v>
      </c>
      <c r="H44" s="950"/>
    </row>
    <row r="45" spans="1:8" x14ac:dyDescent="0.2">
      <c r="A45" s="86"/>
      <c r="B45" s="86"/>
      <c r="C45" s="89"/>
      <c r="D45" s="89"/>
      <c r="E45" s="89"/>
      <c r="F45" s="696"/>
      <c r="G45" s="696"/>
    </row>
    <row r="46" spans="1:8" ht="15" customHeight="1" x14ac:dyDescent="0.2">
      <c r="A46" s="894" t="s">
        <v>237</v>
      </c>
      <c r="B46" s="967" t="s">
        <v>784</v>
      </c>
      <c r="C46" s="78" t="s">
        <v>157</v>
      </c>
      <c r="D46" s="877" t="s">
        <v>158</v>
      </c>
      <c r="E46" s="934"/>
      <c r="F46" s="877" t="s">
        <v>159</v>
      </c>
      <c r="G46" s="878"/>
      <c r="H46" s="927" t="s">
        <v>619</v>
      </c>
    </row>
    <row r="47" spans="1:8" ht="21.75" customHeight="1" x14ac:dyDescent="0.2">
      <c r="A47" s="895"/>
      <c r="B47" s="968"/>
      <c r="C47" s="79" t="s">
        <v>112</v>
      </c>
      <c r="D47" s="263" t="s">
        <v>115</v>
      </c>
      <c r="E47" s="252" t="s">
        <v>114</v>
      </c>
      <c r="F47" s="263" t="s">
        <v>115</v>
      </c>
      <c r="G47" s="252" t="s">
        <v>114</v>
      </c>
      <c r="H47" s="928"/>
    </row>
    <row r="48" spans="1:8" ht="15" customHeight="1" x14ac:dyDescent="0.2">
      <c r="A48" s="43" t="s">
        <v>238</v>
      </c>
      <c r="B48" s="969"/>
      <c r="C48" s="646" t="s">
        <v>163</v>
      </c>
      <c r="D48" s="662" t="s">
        <v>233</v>
      </c>
      <c r="E48" s="656" t="s">
        <v>399</v>
      </c>
      <c r="F48" s="662" t="s">
        <v>164</v>
      </c>
      <c r="G48" s="656" t="s">
        <v>400</v>
      </c>
      <c r="H48" s="929"/>
    </row>
    <row r="49" spans="1:8" s="281" customFormat="1" x14ac:dyDescent="0.2">
      <c r="A49" s="236" t="s">
        <v>166</v>
      </c>
      <c r="B49" s="610">
        <v>1158051500</v>
      </c>
      <c r="C49" s="483">
        <v>1383799797.51</v>
      </c>
      <c r="D49" s="483">
        <v>874134140.25999999</v>
      </c>
      <c r="E49" s="483">
        <v>63.169118960192868</v>
      </c>
      <c r="F49" s="605">
        <v>448358622.06</v>
      </c>
      <c r="G49" s="597">
        <v>32.400541094656425</v>
      </c>
      <c r="H49" s="611">
        <v>0</v>
      </c>
    </row>
    <row r="50" spans="1:8" x14ac:dyDescent="0.2">
      <c r="A50" s="83" t="s">
        <v>206</v>
      </c>
      <c r="B50" s="583">
        <v>359584700</v>
      </c>
      <c r="C50" s="485">
        <v>351773357</v>
      </c>
      <c r="D50" s="596">
        <v>241638662.71000001</v>
      </c>
      <c r="E50" s="601">
        <v>68.691575954116388</v>
      </c>
      <c r="F50" s="596">
        <v>112486177.76000001</v>
      </c>
      <c r="G50" s="601">
        <v>31.976889528901985</v>
      </c>
      <c r="H50" s="602"/>
    </row>
    <row r="51" spans="1:8" x14ac:dyDescent="0.2">
      <c r="A51" s="83" t="s">
        <v>239</v>
      </c>
      <c r="B51" s="583">
        <v>1031000</v>
      </c>
      <c r="C51" s="485">
        <v>1031000</v>
      </c>
      <c r="D51" s="596">
        <v>981000</v>
      </c>
      <c r="E51" s="601">
        <v>95.150339476236667</v>
      </c>
      <c r="F51" s="596">
        <v>270172.78999999998</v>
      </c>
      <c r="G51" s="601">
        <v>26.204926285160035</v>
      </c>
      <c r="H51" s="602">
        <v>0</v>
      </c>
    </row>
    <row r="52" spans="1:8" x14ac:dyDescent="0.2">
      <c r="A52" s="83" t="s">
        <v>207</v>
      </c>
      <c r="B52" s="583">
        <v>797435800</v>
      </c>
      <c r="C52" s="583">
        <v>1030995440.51</v>
      </c>
      <c r="D52" s="596">
        <v>631514477.54999995</v>
      </c>
      <c r="E52" s="628">
        <v>61.25288752369363</v>
      </c>
      <c r="F52" s="596">
        <v>335602271.50999999</v>
      </c>
      <c r="G52" s="601">
        <v>32.551285711214049</v>
      </c>
      <c r="H52" s="602"/>
    </row>
    <row r="53" spans="1:8" s="281" customFormat="1" x14ac:dyDescent="0.2">
      <c r="A53" s="86" t="s">
        <v>167</v>
      </c>
      <c r="B53" s="580">
        <v>160250000</v>
      </c>
      <c r="C53" s="580">
        <v>149221670</v>
      </c>
      <c r="D53" s="580">
        <v>8523851.1900000013</v>
      </c>
      <c r="E53" s="597">
        <v>5.7122073422714017</v>
      </c>
      <c r="F53" s="605">
        <v>3270410.91</v>
      </c>
      <c r="G53" s="597">
        <v>2.1916460993902565</v>
      </c>
      <c r="H53" s="606">
        <v>0</v>
      </c>
    </row>
    <row r="54" spans="1:8" x14ac:dyDescent="0.2">
      <c r="A54" s="18" t="s">
        <v>240</v>
      </c>
      <c r="B54" s="583">
        <v>157238900</v>
      </c>
      <c r="C54" s="485">
        <v>146210570</v>
      </c>
      <c r="D54" s="596">
        <v>6313851.1900000004</v>
      </c>
      <c r="E54" s="601">
        <v>4.3183274574471602</v>
      </c>
      <c r="F54" s="596">
        <v>2731915.49</v>
      </c>
      <c r="G54" s="601">
        <v>1.8684801584454531</v>
      </c>
      <c r="H54" s="602"/>
    </row>
    <row r="55" spans="1:8" x14ac:dyDescent="0.2">
      <c r="A55" s="18" t="s">
        <v>241</v>
      </c>
      <c r="B55" s="583">
        <v>801100</v>
      </c>
      <c r="C55" s="485">
        <v>801100</v>
      </c>
      <c r="D55" s="596">
        <v>0</v>
      </c>
      <c r="E55" s="601">
        <v>0</v>
      </c>
      <c r="F55" s="596">
        <v>0</v>
      </c>
      <c r="G55" s="601">
        <v>0</v>
      </c>
      <c r="H55" s="602"/>
    </row>
    <row r="56" spans="1:8" ht="12" customHeight="1" x14ac:dyDescent="0.2">
      <c r="A56" s="18" t="s">
        <v>242</v>
      </c>
      <c r="B56" s="583">
        <v>2210000</v>
      </c>
      <c r="C56" s="485">
        <v>2210000</v>
      </c>
      <c r="D56" s="596">
        <v>2210000</v>
      </c>
      <c r="E56" s="601">
        <v>100</v>
      </c>
      <c r="F56" s="596">
        <v>538495.42000000004</v>
      </c>
      <c r="G56" s="601">
        <v>24.366308597285069</v>
      </c>
      <c r="H56" s="612"/>
    </row>
    <row r="57" spans="1:8" ht="15" customHeight="1" x14ac:dyDescent="0.2">
      <c r="A57" s="233" t="s">
        <v>531</v>
      </c>
      <c r="B57" s="584">
        <v>1318301500</v>
      </c>
      <c r="C57" s="586">
        <v>1533021467.51</v>
      </c>
      <c r="D57" s="592">
        <v>882657991.45000005</v>
      </c>
      <c r="E57" s="587">
        <v>57.576362116027738</v>
      </c>
      <c r="F57" s="592">
        <v>451629032.97000003</v>
      </c>
      <c r="G57" s="587">
        <v>29.460059271287015</v>
      </c>
      <c r="H57" s="591">
        <v>0</v>
      </c>
    </row>
    <row r="58" spans="1:8" x14ac:dyDescent="0.2">
      <c r="A58" s="990"/>
      <c r="B58" s="990"/>
      <c r="C58" s="356"/>
      <c r="D58" s="356"/>
      <c r="E58" s="83"/>
      <c r="F58" s="684"/>
    </row>
    <row r="59" spans="1:8" ht="15" customHeight="1" x14ac:dyDescent="0.2">
      <c r="A59" s="868" t="s">
        <v>373</v>
      </c>
      <c r="B59" s="967" t="s">
        <v>784</v>
      </c>
      <c r="C59" s="78" t="s">
        <v>157</v>
      </c>
      <c r="D59" s="877" t="s">
        <v>158</v>
      </c>
      <c r="E59" s="934"/>
      <c r="F59" s="877" t="s">
        <v>159</v>
      </c>
      <c r="G59" s="878"/>
      <c r="H59" s="927" t="s">
        <v>619</v>
      </c>
    </row>
    <row r="60" spans="1:8" ht="24" customHeight="1" x14ac:dyDescent="0.2">
      <c r="A60" s="869"/>
      <c r="B60" s="968"/>
      <c r="C60" s="79" t="s">
        <v>112</v>
      </c>
      <c r="D60" s="655" t="s">
        <v>115</v>
      </c>
      <c r="E60" s="648" t="s">
        <v>114</v>
      </c>
      <c r="F60" s="655" t="s">
        <v>115</v>
      </c>
      <c r="G60" s="648" t="s">
        <v>114</v>
      </c>
      <c r="H60" s="928"/>
    </row>
    <row r="61" spans="1:8" ht="15" customHeight="1" x14ac:dyDescent="0.2">
      <c r="A61" s="870"/>
      <c r="B61" s="969"/>
      <c r="C61" s="95"/>
      <c r="D61" s="662" t="s">
        <v>165</v>
      </c>
      <c r="E61" s="656" t="s">
        <v>620</v>
      </c>
      <c r="F61" s="662" t="s">
        <v>352</v>
      </c>
      <c r="G61" s="656" t="s">
        <v>621</v>
      </c>
      <c r="H61" s="929"/>
    </row>
    <row r="62" spans="1:8" ht="15" customHeight="1" x14ac:dyDescent="0.2">
      <c r="A62" s="283" t="s">
        <v>374</v>
      </c>
      <c r="B62" s="594">
        <v>0</v>
      </c>
      <c r="C62" s="595">
        <v>0</v>
      </c>
      <c r="D62" s="596">
        <v>0</v>
      </c>
      <c r="E62" s="597">
        <v>0</v>
      </c>
      <c r="F62" s="596">
        <v>0</v>
      </c>
      <c r="G62" s="597">
        <v>0</v>
      </c>
      <c r="H62" s="598">
        <v>0</v>
      </c>
    </row>
    <row r="63" spans="1:8" ht="24.95" customHeight="1" x14ac:dyDescent="0.2">
      <c r="A63" s="5" t="s">
        <v>375</v>
      </c>
      <c r="B63" s="599">
        <v>0</v>
      </c>
      <c r="C63" s="600">
        <v>0</v>
      </c>
      <c r="D63" s="596">
        <v>0</v>
      </c>
      <c r="E63" s="484">
        <v>0</v>
      </c>
      <c r="F63" s="601">
        <v>0</v>
      </c>
      <c r="G63" s="483">
        <v>0</v>
      </c>
      <c r="H63" s="602">
        <v>0</v>
      </c>
    </row>
    <row r="64" spans="1:8" x14ac:dyDescent="0.2">
      <c r="A64" s="284" t="s">
        <v>401</v>
      </c>
      <c r="B64" s="603">
        <v>111678600</v>
      </c>
      <c r="C64" s="604">
        <v>111678600</v>
      </c>
      <c r="D64" s="605">
        <v>28391265.640000001</v>
      </c>
      <c r="E64" s="484">
        <v>3.2165647300558411</v>
      </c>
      <c r="F64" s="597">
        <v>13544900.15</v>
      </c>
      <c r="G64" s="483">
        <v>2.9991207741730226</v>
      </c>
      <c r="H64" s="606">
        <v>0</v>
      </c>
    </row>
    <row r="65" spans="1:8" x14ac:dyDescent="0.2">
      <c r="A65" s="77" t="s">
        <v>402</v>
      </c>
      <c r="B65" s="549">
        <v>30503600</v>
      </c>
      <c r="C65" s="549">
        <v>30503600</v>
      </c>
      <c r="D65" s="596">
        <v>882310.82</v>
      </c>
      <c r="E65" s="486">
        <v>9.9960667500508346E-2</v>
      </c>
      <c r="F65" s="601">
        <v>857950.74</v>
      </c>
      <c r="G65" s="485">
        <v>0.18996802184260603</v>
      </c>
      <c r="H65" s="602">
        <v>0</v>
      </c>
    </row>
    <row r="66" spans="1:8" x14ac:dyDescent="0.2">
      <c r="A66" s="77" t="s">
        <v>376</v>
      </c>
      <c r="B66" s="549">
        <v>3000000</v>
      </c>
      <c r="C66" s="549">
        <v>3000000</v>
      </c>
      <c r="D66" s="596">
        <v>0</v>
      </c>
      <c r="E66" s="486">
        <v>0</v>
      </c>
      <c r="F66" s="601">
        <v>0</v>
      </c>
      <c r="G66" s="485">
        <v>0</v>
      </c>
      <c r="H66" s="602">
        <v>0</v>
      </c>
    </row>
    <row r="67" spans="1:8" x14ac:dyDescent="0.2">
      <c r="A67" s="96" t="s">
        <v>377</v>
      </c>
      <c r="B67" s="549">
        <v>78175000</v>
      </c>
      <c r="C67" s="549">
        <v>78175000</v>
      </c>
      <c r="D67" s="549">
        <v>27508954.82</v>
      </c>
      <c r="E67" s="583">
        <v>3.1166040625553322</v>
      </c>
      <c r="F67" s="607">
        <v>12686949.41</v>
      </c>
      <c r="G67" s="485">
        <v>2.8091527523304167</v>
      </c>
      <c r="H67" s="602">
        <v>0</v>
      </c>
    </row>
    <row r="68" spans="1:8" x14ac:dyDescent="0.2">
      <c r="A68" s="285" t="s">
        <v>378</v>
      </c>
      <c r="B68" s="550">
        <v>180127900</v>
      </c>
      <c r="C68" s="550">
        <v>180717900</v>
      </c>
      <c r="D68" s="550">
        <v>70534384.569999993</v>
      </c>
      <c r="E68" s="580">
        <v>7.9911341939054497</v>
      </c>
      <c r="F68" s="608">
        <v>22472568.379999999</v>
      </c>
      <c r="G68" s="483">
        <v>4.9758909944774885</v>
      </c>
      <c r="H68" s="606">
        <v>0</v>
      </c>
    </row>
    <row r="69" spans="1:8" ht="21.75" x14ac:dyDescent="0.2">
      <c r="A69" s="5" t="s">
        <v>785</v>
      </c>
      <c r="B69" s="483">
        <v>0</v>
      </c>
      <c r="C69" s="483">
        <v>0</v>
      </c>
      <c r="D69" s="550">
        <v>0</v>
      </c>
      <c r="E69" s="580">
        <v>0</v>
      </c>
      <c r="F69" s="483">
        <v>0</v>
      </c>
      <c r="G69" s="483">
        <v>0</v>
      </c>
      <c r="H69" s="606">
        <v>0</v>
      </c>
    </row>
    <row r="70" spans="1:8" ht="21.75" x14ac:dyDescent="0.2">
      <c r="A70" s="285" t="s">
        <v>786</v>
      </c>
      <c r="B70" s="550">
        <v>0</v>
      </c>
      <c r="C70" s="550">
        <v>0</v>
      </c>
      <c r="D70" s="550">
        <v>0</v>
      </c>
      <c r="E70" s="580">
        <v>0</v>
      </c>
      <c r="F70" s="608">
        <v>0</v>
      </c>
      <c r="G70" s="483">
        <v>0</v>
      </c>
      <c r="H70" s="606">
        <v>0</v>
      </c>
    </row>
    <row r="71" spans="1:8" ht="35.1" customHeight="1" x14ac:dyDescent="0.2">
      <c r="A71" s="13" t="s">
        <v>787</v>
      </c>
      <c r="B71" s="550">
        <v>0</v>
      </c>
      <c r="C71" s="550">
        <v>0</v>
      </c>
      <c r="D71" s="550">
        <v>0</v>
      </c>
      <c r="E71" s="580">
        <v>0</v>
      </c>
      <c r="F71" s="608">
        <v>0</v>
      </c>
      <c r="G71" s="483">
        <v>0</v>
      </c>
      <c r="H71" s="609">
        <v>0</v>
      </c>
    </row>
    <row r="72" spans="1:8" s="224" customFormat="1" ht="16.5" customHeight="1" x14ac:dyDescent="0.2">
      <c r="A72" s="278" t="s">
        <v>447</v>
      </c>
      <c r="B72" s="591">
        <v>291806500</v>
      </c>
      <c r="C72" s="586">
        <v>292396500</v>
      </c>
      <c r="D72" s="591">
        <v>98925650.209999993</v>
      </c>
      <c r="E72" s="584">
        <v>11.20769892396129</v>
      </c>
      <c r="F72" s="591">
        <v>36017468.530000001</v>
      </c>
      <c r="G72" s="591">
        <v>7.9750117686505115</v>
      </c>
      <c r="H72" s="591">
        <v>0</v>
      </c>
    </row>
    <row r="73" spans="1:8" s="18" customFormat="1" x14ac:dyDescent="0.2">
      <c r="A73" s="97"/>
      <c r="B73" s="97"/>
      <c r="C73" s="97"/>
      <c r="D73" s="97"/>
      <c r="E73" s="360"/>
      <c r="F73" s="266"/>
      <c r="G73" s="356"/>
      <c r="H73" s="266"/>
    </row>
    <row r="74" spans="1:8" s="224" customFormat="1" ht="24.95" customHeight="1" x14ac:dyDescent="0.2">
      <c r="A74" s="286" t="s">
        <v>448</v>
      </c>
      <c r="B74" s="589">
        <v>1026495000</v>
      </c>
      <c r="C74" s="589">
        <v>1240624967.51</v>
      </c>
      <c r="D74" s="589">
        <v>783732341.24000001</v>
      </c>
      <c r="E74" s="590">
        <v>88.792301076038711</v>
      </c>
      <c r="F74" s="591">
        <v>415611564.44000006</v>
      </c>
      <c r="G74" s="592">
        <v>92.024988231349496</v>
      </c>
      <c r="H74" s="593">
        <v>0</v>
      </c>
    </row>
    <row r="75" spans="1:8" x14ac:dyDescent="0.2">
      <c r="A75" s="99"/>
      <c r="B75" s="80"/>
      <c r="C75" s="257"/>
      <c r="D75" s="83"/>
      <c r="E75" s="83"/>
      <c r="G75" s="90"/>
      <c r="H75" s="266"/>
    </row>
    <row r="76" spans="1:8" ht="24.75" customHeight="1" x14ac:dyDescent="0.2">
      <c r="A76" s="845" t="s">
        <v>622</v>
      </c>
      <c r="B76" s="845"/>
      <c r="C76" s="845"/>
      <c r="D76" s="846"/>
      <c r="E76" s="850">
        <v>15.410018775405748</v>
      </c>
      <c r="F76" s="851"/>
      <c r="G76" s="851"/>
      <c r="H76" s="851"/>
    </row>
    <row r="77" spans="1:8" ht="12.75" customHeight="1" x14ac:dyDescent="0.2">
      <c r="A77" s="6"/>
      <c r="B77" s="6"/>
      <c r="C77" s="6"/>
      <c r="D77" s="6"/>
      <c r="E77" s="100"/>
      <c r="F77" s="101"/>
      <c r="G77" s="101"/>
      <c r="H77" s="266"/>
    </row>
    <row r="78" spans="1:8" ht="25.5" customHeight="1" x14ac:dyDescent="0.2">
      <c r="A78" s="845" t="s">
        <v>623</v>
      </c>
      <c r="B78" s="845"/>
      <c r="C78" s="845"/>
      <c r="D78" s="846"/>
      <c r="E78" s="850">
        <v>91968949.46540004</v>
      </c>
      <c r="F78" s="851"/>
      <c r="G78" s="851"/>
      <c r="H78" s="851"/>
    </row>
    <row r="79" spans="1:8" x14ac:dyDescent="0.2">
      <c r="A79" s="7"/>
      <c r="B79" s="7"/>
      <c r="C79" s="7"/>
      <c r="D79" s="7"/>
      <c r="E79" s="87"/>
      <c r="F79" s="98"/>
      <c r="G79" s="98"/>
    </row>
    <row r="80" spans="1:8" ht="13.5" customHeight="1" x14ac:dyDescent="0.2">
      <c r="A80" s="888" t="s">
        <v>449</v>
      </c>
      <c r="B80" s="868"/>
      <c r="C80" s="967" t="s">
        <v>532</v>
      </c>
      <c r="D80" s="967" t="s">
        <v>788</v>
      </c>
      <c r="E80" s="967" t="s">
        <v>379</v>
      </c>
      <c r="F80" s="967" t="s">
        <v>380</v>
      </c>
      <c r="G80" s="927" t="s">
        <v>533</v>
      </c>
      <c r="H80" s="888"/>
    </row>
    <row r="81" spans="1:8" ht="21" customHeight="1" x14ac:dyDescent="0.2">
      <c r="A81" s="890"/>
      <c r="B81" s="870"/>
      <c r="C81" s="969"/>
      <c r="D81" s="969"/>
      <c r="E81" s="969"/>
      <c r="F81" s="969"/>
      <c r="G81" s="929"/>
      <c r="H81" s="890"/>
    </row>
    <row r="82" spans="1:8" ht="15" customHeight="1" x14ac:dyDescent="0.2">
      <c r="A82" s="631" t="s">
        <v>885</v>
      </c>
      <c r="B82" s="632"/>
      <c r="C82" s="588">
        <v>0</v>
      </c>
      <c r="D82" s="629">
        <v>0</v>
      </c>
      <c r="E82" s="588">
        <v>0</v>
      </c>
      <c r="F82" s="629">
        <v>0</v>
      </c>
      <c r="G82" s="992">
        <v>0</v>
      </c>
      <c r="H82" s="993"/>
    </row>
    <row r="83" spans="1:8" ht="12.75" customHeight="1" x14ac:dyDescent="0.2">
      <c r="A83" s="14" t="s">
        <v>789</v>
      </c>
      <c r="B83" s="107"/>
      <c r="C83" s="583">
        <v>0</v>
      </c>
      <c r="D83" s="630">
        <v>0</v>
      </c>
      <c r="E83" s="583">
        <v>0</v>
      </c>
      <c r="F83" s="630">
        <v>0</v>
      </c>
      <c r="G83" s="879">
        <v>0</v>
      </c>
      <c r="H83" s="880"/>
    </row>
    <row r="84" spans="1:8" ht="15" customHeight="1" x14ac:dyDescent="0.2">
      <c r="A84" s="278" t="s">
        <v>381</v>
      </c>
      <c r="B84" s="272"/>
      <c r="C84" s="584">
        <v>0</v>
      </c>
      <c r="D84" s="584">
        <v>0</v>
      </c>
      <c r="E84" s="584">
        <v>0</v>
      </c>
      <c r="F84" s="584">
        <v>0</v>
      </c>
      <c r="G84" s="949">
        <v>0</v>
      </c>
      <c r="H84" s="950"/>
    </row>
    <row r="85" spans="1:8" ht="12.75" customHeight="1" x14ac:dyDescent="0.2">
      <c r="A85" s="84"/>
      <c r="B85" s="266"/>
      <c r="C85" s="94"/>
      <c r="D85" s="266"/>
      <c r="E85" s="266"/>
      <c r="F85" s="90"/>
      <c r="G85" s="90"/>
      <c r="H85" s="90"/>
    </row>
    <row r="86" spans="1:8" ht="12.75" customHeight="1" x14ac:dyDescent="0.2">
      <c r="A86" s="889" t="s">
        <v>382</v>
      </c>
      <c r="B86" s="869"/>
      <c r="C86" s="928" t="s">
        <v>437</v>
      </c>
      <c r="D86" s="889"/>
      <c r="E86" s="889"/>
      <c r="F86" s="889"/>
      <c r="G86" s="889"/>
      <c r="H86" s="889"/>
    </row>
    <row r="87" spans="1:8" ht="15.75" customHeight="1" x14ac:dyDescent="0.2">
      <c r="A87" s="889"/>
      <c r="B87" s="869"/>
      <c r="C87" s="929"/>
      <c r="D87" s="890"/>
      <c r="E87" s="890"/>
      <c r="F87" s="890"/>
      <c r="G87" s="890"/>
      <c r="H87" s="890"/>
    </row>
    <row r="88" spans="1:8" ht="14.25" customHeight="1" x14ac:dyDescent="0.2">
      <c r="A88" s="889"/>
      <c r="B88" s="869"/>
      <c r="C88" s="967" t="s">
        <v>383</v>
      </c>
      <c r="D88" s="928" t="s">
        <v>384</v>
      </c>
      <c r="E88" s="889"/>
      <c r="F88" s="927" t="s">
        <v>898</v>
      </c>
      <c r="G88" s="888"/>
      <c r="H88" s="888"/>
    </row>
    <row r="89" spans="1:8" ht="11.25" customHeight="1" x14ac:dyDescent="0.2">
      <c r="A89" s="889"/>
      <c r="B89" s="869"/>
      <c r="C89" s="968"/>
      <c r="D89" s="928"/>
      <c r="E89" s="889"/>
      <c r="F89" s="928"/>
      <c r="G89" s="889"/>
      <c r="H89" s="889"/>
    </row>
    <row r="90" spans="1:8" ht="12.75" customHeight="1" x14ac:dyDescent="0.2">
      <c r="A90" s="890"/>
      <c r="B90" s="870"/>
      <c r="C90" s="969"/>
      <c r="D90" s="929" t="s">
        <v>349</v>
      </c>
      <c r="E90" s="890"/>
      <c r="F90" s="986" t="s">
        <v>899</v>
      </c>
      <c r="G90" s="987"/>
      <c r="H90" s="987"/>
    </row>
    <row r="91" spans="1:8" ht="13.5" customHeight="1" x14ac:dyDescent="0.2">
      <c r="A91" s="248" t="s">
        <v>791</v>
      </c>
      <c r="B91" s="8"/>
      <c r="C91" s="9"/>
      <c r="D91" s="976"/>
      <c r="E91" s="977"/>
      <c r="F91" s="970"/>
      <c r="G91" s="971"/>
      <c r="H91" s="971"/>
    </row>
    <row r="92" spans="1:8" ht="13.5" customHeight="1" x14ac:dyDescent="0.2">
      <c r="A92" s="249" t="s">
        <v>790</v>
      </c>
      <c r="B92" s="11"/>
      <c r="C92" s="12"/>
      <c r="D92" s="978"/>
      <c r="E92" s="979"/>
      <c r="F92" s="972"/>
      <c r="G92" s="973"/>
      <c r="H92" s="973"/>
    </row>
    <row r="93" spans="1:8" x14ac:dyDescent="0.2">
      <c r="A93" s="10"/>
      <c r="B93" s="11"/>
      <c r="C93" s="12"/>
      <c r="D93" s="980"/>
      <c r="E93" s="981"/>
      <c r="F93" s="974"/>
      <c r="G93" s="975"/>
      <c r="H93" s="975"/>
    </row>
    <row r="94" spans="1:8" ht="15" customHeight="1" x14ac:dyDescent="0.2">
      <c r="A94" s="944" t="s">
        <v>386</v>
      </c>
      <c r="B94" s="989"/>
      <c r="C94" s="287"/>
      <c r="D94" s="877"/>
      <c r="E94" s="934"/>
      <c r="F94" s="877"/>
      <c r="G94" s="878"/>
      <c r="H94" s="878"/>
    </row>
    <row r="95" spans="1:8" ht="12.75" customHeight="1" x14ac:dyDescent="0.2">
      <c r="A95" s="83"/>
      <c r="B95" s="83"/>
      <c r="C95" s="83"/>
      <c r="D95" s="83"/>
      <c r="E95" s="83"/>
      <c r="F95" s="98"/>
    </row>
    <row r="96" spans="1:8" ht="12.75" customHeight="1" x14ac:dyDescent="0.2">
      <c r="A96" s="888" t="s">
        <v>450</v>
      </c>
      <c r="B96" s="868"/>
      <c r="C96" s="927" t="s">
        <v>385</v>
      </c>
      <c r="D96" s="888"/>
      <c r="E96" s="888"/>
      <c r="F96" s="888"/>
      <c r="G96" s="888"/>
      <c r="H96" s="888"/>
    </row>
    <row r="97" spans="1:8" ht="15.75" customHeight="1" x14ac:dyDescent="0.2">
      <c r="A97" s="889"/>
      <c r="B97" s="869"/>
      <c r="C97" s="929"/>
      <c r="D97" s="890"/>
      <c r="E97" s="890"/>
      <c r="F97" s="890"/>
      <c r="G97" s="890"/>
      <c r="H97" s="890"/>
    </row>
    <row r="98" spans="1:8" ht="15" customHeight="1" x14ac:dyDescent="0.2">
      <c r="A98" s="889"/>
      <c r="B98" s="869"/>
      <c r="C98" s="967" t="s">
        <v>383</v>
      </c>
      <c r="D98" s="928" t="s">
        <v>384</v>
      </c>
      <c r="E98" s="889"/>
      <c r="F98" s="927" t="s">
        <v>898</v>
      </c>
      <c r="G98" s="888"/>
      <c r="H98" s="888"/>
    </row>
    <row r="99" spans="1:8" x14ac:dyDescent="0.2">
      <c r="A99" s="889"/>
      <c r="B99" s="869"/>
      <c r="C99" s="968"/>
      <c r="D99" s="928"/>
      <c r="E99" s="889"/>
      <c r="F99" s="928"/>
      <c r="G99" s="889"/>
      <c r="H99" s="889"/>
    </row>
    <row r="100" spans="1:8" ht="15" customHeight="1" x14ac:dyDescent="0.2">
      <c r="A100" s="890"/>
      <c r="B100" s="870"/>
      <c r="C100" s="969"/>
      <c r="D100" s="929" t="s">
        <v>350</v>
      </c>
      <c r="E100" s="890"/>
      <c r="F100" s="986" t="s">
        <v>899</v>
      </c>
      <c r="G100" s="987"/>
      <c r="H100" s="987"/>
    </row>
    <row r="101" spans="1:8" x14ac:dyDescent="0.2">
      <c r="A101" s="248" t="s">
        <v>793</v>
      </c>
      <c r="B101" s="8"/>
      <c r="C101" s="9"/>
      <c r="D101" s="976"/>
      <c r="E101" s="977"/>
      <c r="F101" s="970"/>
      <c r="G101" s="971"/>
      <c r="H101" s="971"/>
    </row>
    <row r="102" spans="1:8" x14ac:dyDescent="0.2">
      <c r="A102" s="249" t="s">
        <v>792</v>
      </c>
      <c r="B102" s="11"/>
      <c r="C102" s="12"/>
      <c r="D102" s="978"/>
      <c r="E102" s="979"/>
      <c r="F102" s="972"/>
      <c r="G102" s="973"/>
      <c r="H102" s="973"/>
    </row>
    <row r="103" spans="1:8" x14ac:dyDescent="0.2">
      <c r="A103" s="10"/>
      <c r="B103" s="11"/>
      <c r="C103" s="12"/>
      <c r="D103" s="980"/>
      <c r="E103" s="981"/>
      <c r="F103" s="974"/>
      <c r="G103" s="975"/>
      <c r="H103" s="975"/>
    </row>
    <row r="104" spans="1:8" ht="15" customHeight="1" x14ac:dyDescent="0.2">
      <c r="A104" s="985" t="s">
        <v>451</v>
      </c>
      <c r="B104" s="985"/>
      <c r="C104" s="287"/>
      <c r="D104" s="877"/>
      <c r="E104" s="934"/>
      <c r="F104" s="877"/>
      <c r="G104" s="878"/>
      <c r="H104" s="878"/>
    </row>
    <row r="105" spans="1:8" x14ac:dyDescent="0.2">
      <c r="A105" s="266"/>
      <c r="B105" s="266"/>
      <c r="C105" s="266"/>
      <c r="D105" s="266"/>
      <c r="E105" s="266"/>
      <c r="F105" s="90"/>
      <c r="G105" s="90"/>
      <c r="H105" s="90"/>
    </row>
    <row r="106" spans="1:8" ht="15" customHeight="1" x14ac:dyDescent="0.2">
      <c r="A106" s="894" t="s">
        <v>237</v>
      </c>
      <c r="B106" s="967" t="s">
        <v>784</v>
      </c>
      <c r="C106" s="967" t="s">
        <v>236</v>
      </c>
      <c r="D106" s="877" t="s">
        <v>158</v>
      </c>
      <c r="E106" s="878"/>
      <c r="F106" s="877" t="s">
        <v>159</v>
      </c>
      <c r="G106" s="878"/>
      <c r="H106" s="927" t="s">
        <v>619</v>
      </c>
    </row>
    <row r="107" spans="1:8" ht="21.75" customHeight="1" x14ac:dyDescent="0.2">
      <c r="A107" s="895"/>
      <c r="B107" s="968"/>
      <c r="C107" s="968"/>
      <c r="D107" s="78" t="s">
        <v>115</v>
      </c>
      <c r="E107" s="252" t="s">
        <v>114</v>
      </c>
      <c r="F107" s="78" t="s">
        <v>115</v>
      </c>
      <c r="G107" s="252" t="s">
        <v>114</v>
      </c>
      <c r="H107" s="928"/>
    </row>
    <row r="108" spans="1:8" ht="21.75" customHeight="1" x14ac:dyDescent="0.2">
      <c r="A108" s="664" t="s">
        <v>244</v>
      </c>
      <c r="B108" s="969"/>
      <c r="C108" s="969"/>
      <c r="D108" s="662" t="s">
        <v>387</v>
      </c>
      <c r="E108" s="663" t="s">
        <v>388</v>
      </c>
      <c r="F108" s="662" t="s">
        <v>389</v>
      </c>
      <c r="G108" s="663" t="s">
        <v>390</v>
      </c>
      <c r="H108" s="929"/>
    </row>
    <row r="109" spans="1:8" x14ac:dyDescent="0.2">
      <c r="A109" s="83" t="s">
        <v>245</v>
      </c>
      <c r="B109" s="320">
        <v>54532000</v>
      </c>
      <c r="C109" s="320">
        <v>54532000</v>
      </c>
      <c r="D109" s="322">
        <v>42825936.719999999</v>
      </c>
      <c r="E109" s="353">
        <v>4.8519287351205005</v>
      </c>
      <c r="F109" s="322">
        <v>8782759.5500000007</v>
      </c>
      <c r="G109" s="353">
        <v>1.9446844442756201</v>
      </c>
      <c r="H109" s="91"/>
    </row>
    <row r="110" spans="1:8" x14ac:dyDescent="0.2">
      <c r="A110" s="83" t="s">
        <v>246</v>
      </c>
      <c r="B110" s="320">
        <v>785416800</v>
      </c>
      <c r="C110" s="320">
        <v>785733500</v>
      </c>
      <c r="D110" s="322">
        <v>403210040.13999999</v>
      </c>
      <c r="E110" s="350">
        <v>45.68134476158999</v>
      </c>
      <c r="F110" s="353">
        <v>139540605.94</v>
      </c>
      <c r="G110" s="349">
        <v>30.89717351038173</v>
      </c>
      <c r="H110" s="92"/>
    </row>
    <row r="111" spans="1:8" x14ac:dyDescent="0.2">
      <c r="A111" s="83" t="s">
        <v>247</v>
      </c>
      <c r="B111" s="320">
        <v>100252000</v>
      </c>
      <c r="C111" s="320">
        <v>90365400</v>
      </c>
      <c r="D111" s="322">
        <v>24759473.48</v>
      </c>
      <c r="E111" s="350">
        <v>2.8051038703366853</v>
      </c>
      <c r="F111" s="353">
        <v>10995369.17</v>
      </c>
      <c r="G111" s="349">
        <v>2.4346019337358191</v>
      </c>
      <c r="H111" s="92"/>
    </row>
    <row r="112" spans="1:8" x14ac:dyDescent="0.2">
      <c r="A112" s="83" t="s">
        <v>248</v>
      </c>
      <c r="B112" s="320">
        <v>975100</v>
      </c>
      <c r="C112" s="320">
        <v>1565100</v>
      </c>
      <c r="D112" s="322">
        <v>609708.14</v>
      </c>
      <c r="E112" s="350">
        <v>6.9076374530795626E-2</v>
      </c>
      <c r="F112" s="353">
        <v>49124.56</v>
      </c>
      <c r="G112" s="349">
        <v>1.0877192654543793E-2</v>
      </c>
      <c r="H112" s="92"/>
    </row>
    <row r="113" spans="1:8" x14ac:dyDescent="0.2">
      <c r="A113" s="83" t="s">
        <v>249</v>
      </c>
      <c r="B113" s="320">
        <v>14751600</v>
      </c>
      <c r="C113" s="320">
        <v>15251600</v>
      </c>
      <c r="D113" s="322">
        <v>4933014.72</v>
      </c>
      <c r="E113" s="350">
        <v>0.55888178295380453</v>
      </c>
      <c r="F113" s="353">
        <v>2181754.61</v>
      </c>
      <c r="G113" s="349">
        <v>0.48308555268299713</v>
      </c>
      <c r="H113" s="92"/>
    </row>
    <row r="114" spans="1:8" x14ac:dyDescent="0.2">
      <c r="A114" s="83" t="s">
        <v>250</v>
      </c>
      <c r="B114" s="320">
        <v>19989000</v>
      </c>
      <c r="C114" s="320">
        <v>20050000</v>
      </c>
      <c r="D114" s="322">
        <v>6905696.8799999999</v>
      </c>
      <c r="E114" s="350">
        <v>0.78237516080895164</v>
      </c>
      <c r="F114" s="353">
        <v>6847742.04</v>
      </c>
      <c r="G114" s="349">
        <v>1.516231583910344</v>
      </c>
      <c r="H114" s="92"/>
    </row>
    <row r="115" spans="1:8" ht="13.5" customHeight="1" x14ac:dyDescent="0.2">
      <c r="A115" s="88" t="s">
        <v>232</v>
      </c>
      <c r="B115" s="358">
        <v>342385000</v>
      </c>
      <c r="C115" s="358">
        <v>565523867.50999999</v>
      </c>
      <c r="D115" s="322">
        <v>399414121.37</v>
      </c>
      <c r="E115" s="350">
        <v>45.251289314659275</v>
      </c>
      <c r="F115" s="353">
        <v>283231677.09999996</v>
      </c>
      <c r="G115" s="349">
        <v>62.713345782358942</v>
      </c>
      <c r="H115" s="93"/>
    </row>
    <row r="116" spans="1:8" ht="15" customHeight="1" x14ac:dyDescent="0.2">
      <c r="A116" s="233" t="s">
        <v>170</v>
      </c>
      <c r="B116" s="321">
        <v>1318301500</v>
      </c>
      <c r="C116" s="321">
        <v>1533021467.51</v>
      </c>
      <c r="D116" s="323">
        <v>882657991.45000005</v>
      </c>
      <c r="E116" s="352">
        <v>100</v>
      </c>
      <c r="F116" s="359">
        <v>451629032.96999997</v>
      </c>
      <c r="G116" s="351">
        <v>100</v>
      </c>
      <c r="H116" s="324">
        <v>0</v>
      </c>
    </row>
    <row r="117" spans="1:8" ht="10.5" customHeight="1" x14ac:dyDescent="0.2">
      <c r="A117" s="182" t="s">
        <v>848</v>
      </c>
      <c r="B117" s="325"/>
      <c r="C117" s="325"/>
      <c r="D117" s="325"/>
      <c r="E117" s="685"/>
      <c r="F117" s="680"/>
      <c r="G117" s="686"/>
      <c r="H117" s="294"/>
    </row>
    <row r="118" spans="1:8" ht="11.25" x14ac:dyDescent="0.2">
      <c r="A118" s="83" t="s">
        <v>0</v>
      </c>
      <c r="B118" s="103"/>
      <c r="C118" s="103"/>
      <c r="D118" s="83"/>
      <c r="E118" s="356"/>
      <c r="F118" s="98"/>
      <c r="G118" s="98"/>
    </row>
    <row r="119" spans="1:8" ht="11.25" x14ac:dyDescent="0.2">
      <c r="A119" s="83" t="s">
        <v>624</v>
      </c>
      <c r="B119" s="103"/>
      <c r="C119" s="103"/>
      <c r="D119" s="83"/>
      <c r="E119" s="356"/>
      <c r="F119" s="98"/>
      <c r="G119" s="98"/>
    </row>
    <row r="120" spans="1:8" ht="11.25" x14ac:dyDescent="0.2">
      <c r="A120" s="83" t="s">
        <v>625</v>
      </c>
      <c r="B120" s="103"/>
      <c r="C120" s="103"/>
      <c r="D120" s="83"/>
      <c r="E120" s="83"/>
      <c r="F120" s="98"/>
      <c r="G120" s="98"/>
    </row>
    <row r="121" spans="1:8" ht="11.25" x14ac:dyDescent="0.2">
      <c r="A121" s="18" t="s">
        <v>626</v>
      </c>
      <c r="B121" s="104"/>
      <c r="C121" s="104"/>
      <c r="D121" s="83"/>
      <c r="E121" s="83"/>
      <c r="F121" s="98"/>
      <c r="G121" s="98"/>
    </row>
    <row r="122" spans="1:8" ht="11.25" x14ac:dyDescent="0.2">
      <c r="A122" s="18" t="s">
        <v>627</v>
      </c>
    </row>
    <row r="123" spans="1:8" ht="11.25" x14ac:dyDescent="0.2">
      <c r="A123" s="105" t="s">
        <v>628</v>
      </c>
    </row>
    <row r="124" spans="1:8" x14ac:dyDescent="0.2">
      <c r="A124" s="901" t="s">
        <v>629</v>
      </c>
      <c r="B124" s="901"/>
      <c r="C124" s="901"/>
    </row>
    <row r="125" spans="1:8" x14ac:dyDescent="0.2">
      <c r="B125" s="325"/>
      <c r="C125" s="325"/>
      <c r="D125" s="325"/>
      <c r="E125" s="325"/>
    </row>
    <row r="126" spans="1:8" x14ac:dyDescent="0.2">
      <c r="B126" s="325"/>
      <c r="C126" s="325"/>
      <c r="D126" s="325"/>
      <c r="E126" s="325"/>
      <c r="F126" s="325"/>
      <c r="G126" s="325"/>
    </row>
    <row r="127" spans="1:8" x14ac:dyDescent="0.2">
      <c r="B127" s="325"/>
    </row>
    <row r="131" s="45" customFormat="1" ht="11.25" customHeight="1" x14ac:dyDescent="0.2"/>
    <row r="132" s="45" customFormat="1" ht="11.25" customHeight="1" x14ac:dyDescent="0.2"/>
    <row r="133" s="45" customFormat="1" ht="11.25" customHeight="1" x14ac:dyDescent="0.2"/>
    <row r="134" s="45" customFormat="1" ht="11.25" customHeight="1" x14ac:dyDescent="0.2"/>
    <row r="135" s="45" customFormat="1" ht="11.25" customHeight="1" x14ac:dyDescent="0.2"/>
    <row r="136" s="45" customFormat="1" ht="11.25" customHeight="1" x14ac:dyDescent="0.2"/>
    <row r="137" s="45" customFormat="1" ht="11.25" customHeight="1" x14ac:dyDescent="0.2"/>
  </sheetData>
  <customSheetViews>
    <customSheetView guid="{6DBFA32C-4AA4-4E1D-9A48-697377C64CC3}" showPageBreaks="1" showGridLines="0" fitToPage="1" printArea="1" topLeftCell="A70">
      <selection activeCell="E83" sqref="E83"/>
      <pageMargins left="0.19685039370078741" right="0.19685039370078741" top="0.78740157480314965" bottom="0.39370078740157483" header="0" footer="0"/>
      <printOptions horizontalCentered="1"/>
      <pageSetup paperSize="9" scale="54" fitToHeight="2" orientation="portrait" r:id="rId1"/>
    </customSheetView>
    <customSheetView guid="{3AAF6A5F-F9AA-430B-9AD9-1261ECDF41B5}" showPageBreaks="1" showGridLines="0" printArea="1" topLeftCell="A19">
      <selection activeCell="A40" sqref="A40"/>
      <rowBreaks count="1" manualBreakCount="1">
        <brk id="105" max="7" man="1"/>
      </rowBreaks>
      <pageMargins left="0.19685039370078741" right="0.19685039370078741" top="0.78740157480314965" bottom="0.39370078740157483" header="0" footer="0"/>
      <printOptions horizontalCentered="1"/>
      <pageSetup paperSize="9" scale="52" fitToHeight="2" orientation="portrait" r:id="rId2"/>
    </customSheetView>
    <customSheetView guid="{C779D862-DE28-46CD-A428-4AAA1056D1E1}" showPageBreaks="1" showGridLines="0" fitToPage="1" printArea="1">
      <selection activeCell="G45" sqref="G45"/>
      <pageMargins left="0.19685039370078741" right="0.19685039370078741" top="0.78740157480314965" bottom="0.39370078740157483" header="0" footer="0"/>
      <printOptions horizontalCentered="1"/>
      <pageSetup paperSize="9" scale="53" fitToHeight="2" orientation="portrait" r:id="rId3"/>
    </customSheetView>
    <customSheetView guid="{25EF1E0D-169B-4051-B414-7E1196FC05E4}" showGridLines="0" fitToPage="1">
      <pageMargins left="0.19685039370078741" right="0.19685039370078741" top="0.78740157480314965" bottom="0.39370078740157483" header="0" footer="0"/>
      <printOptions horizontalCentered="1"/>
      <pageSetup paperSize="9" scale="53" fitToHeight="2" orientation="portrait" r:id="rId4"/>
    </customSheetView>
    <customSheetView guid="{B4FED47C-EE37-4843-A570-282D4F8229D4}" showGridLines="0" fitToPage="1">
      <selection activeCell="A8" sqref="A8"/>
      <pageMargins left="0.19685039370078741" right="0.19685039370078741" top="0.78740157480314965" bottom="0.39370078740157483" header="0" footer="0"/>
      <printOptions horizontalCentered="1"/>
      <pageSetup paperSize="9" scale="52" fitToHeight="2" orientation="portrait" r:id="rId5"/>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6"/>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7"/>
    </customSheetView>
    <customSheetView guid="{82EDB5A4-4824-4632-A540-7A52C92F04C7}" showPageBreaks="1" showGridLines="0" printArea="1" topLeftCell="A6">
      <selection activeCell="C15" sqref="C15:D15"/>
      <pageMargins left="0.19685039370078741" right="0.19685039370078741" top="0.98425196850393704" bottom="0.39370078740157483" header="0" footer="0"/>
      <printOptions horizontalCentered="1"/>
      <pageSetup paperSize="9" scale="70" fitToHeight="2" orientation="landscape" r:id="rId8"/>
    </customSheetView>
  </customSheetViews>
  <mergeCells count="170">
    <mergeCell ref="D103:E103"/>
    <mergeCell ref="F101:H101"/>
    <mergeCell ref="F102:H102"/>
    <mergeCell ref="F103:H103"/>
    <mergeCell ref="F98:H99"/>
    <mergeCell ref="F100:H100"/>
    <mergeCell ref="F106:G106"/>
    <mergeCell ref="H106:H108"/>
    <mergeCell ref="D100:E100"/>
    <mergeCell ref="D104:E104"/>
    <mergeCell ref="D98:E99"/>
    <mergeCell ref="C39:D39"/>
    <mergeCell ref="C40:D40"/>
    <mergeCell ref="C41:D41"/>
    <mergeCell ref="C42:D42"/>
    <mergeCell ref="C43:D43"/>
    <mergeCell ref="G44:H44"/>
    <mergeCell ref="E76:H76"/>
    <mergeCell ref="E78:H78"/>
    <mergeCell ref="G82:H82"/>
    <mergeCell ref="G39:H39"/>
    <mergeCell ref="G40:H40"/>
    <mergeCell ref="G41:H41"/>
    <mergeCell ref="G42:H42"/>
    <mergeCell ref="G43:H43"/>
    <mergeCell ref="F59:G59"/>
    <mergeCell ref="H59:H61"/>
    <mergeCell ref="G30:H30"/>
    <mergeCell ref="G31:H31"/>
    <mergeCell ref="C36:D36"/>
    <mergeCell ref="C37:D37"/>
    <mergeCell ref="C38:D38"/>
    <mergeCell ref="G36:H36"/>
    <mergeCell ref="G37:H37"/>
    <mergeCell ref="G38:H38"/>
    <mergeCell ref="G25:H25"/>
    <mergeCell ref="G26:H26"/>
    <mergeCell ref="G27:H27"/>
    <mergeCell ref="G28:H28"/>
    <mergeCell ref="G29:H29"/>
    <mergeCell ref="E28:F28"/>
    <mergeCell ref="E29:F29"/>
    <mergeCell ref="E30:F30"/>
    <mergeCell ref="E31:F31"/>
    <mergeCell ref="E36:F36"/>
    <mergeCell ref="E37:F37"/>
    <mergeCell ref="E38:F38"/>
    <mergeCell ref="C31:D31"/>
    <mergeCell ref="C29:D29"/>
    <mergeCell ref="C30:D30"/>
    <mergeCell ref="E25:F25"/>
    <mergeCell ref="G13:H13"/>
    <mergeCell ref="G14:H14"/>
    <mergeCell ref="G15:H15"/>
    <mergeCell ref="G16:H16"/>
    <mergeCell ref="G17:H17"/>
    <mergeCell ref="G18:H18"/>
    <mergeCell ref="G19:H19"/>
    <mergeCell ref="G20:H20"/>
    <mergeCell ref="G21:H21"/>
    <mergeCell ref="E26:F26"/>
    <mergeCell ref="E27:F27"/>
    <mergeCell ref="C26:D26"/>
    <mergeCell ref="C27:D27"/>
    <mergeCell ref="C28:D28"/>
    <mergeCell ref="E13:F13"/>
    <mergeCell ref="E14:F14"/>
    <mergeCell ref="E15:F15"/>
    <mergeCell ref="E16:F16"/>
    <mergeCell ref="E17:F17"/>
    <mergeCell ref="E18:F18"/>
    <mergeCell ref="E19:F19"/>
    <mergeCell ref="E20:F20"/>
    <mergeCell ref="E21:F21"/>
    <mergeCell ref="A124:C124"/>
    <mergeCell ref="E10:H10"/>
    <mergeCell ref="E11:F11"/>
    <mergeCell ref="G11:H11"/>
    <mergeCell ref="E12:F12"/>
    <mergeCell ref="C96:H97"/>
    <mergeCell ref="A86:B90"/>
    <mergeCell ref="D88:E89"/>
    <mergeCell ref="D90:E90"/>
    <mergeCell ref="G12:H12"/>
    <mergeCell ref="A33:A35"/>
    <mergeCell ref="E33:H33"/>
    <mergeCell ref="E34:F34"/>
    <mergeCell ref="G34:H34"/>
    <mergeCell ref="E35:F35"/>
    <mergeCell ref="A94:B94"/>
    <mergeCell ref="F94:H94"/>
    <mergeCell ref="C98:C100"/>
    <mergeCell ref="A46:A47"/>
    <mergeCell ref="D46:E46"/>
    <mergeCell ref="F46:G46"/>
    <mergeCell ref="H46:H48"/>
    <mergeCell ref="A58:B58"/>
    <mergeCell ref="A59:A61"/>
    <mergeCell ref="A106:A107"/>
    <mergeCell ref="D80:D81"/>
    <mergeCell ref="G80:H81"/>
    <mergeCell ref="A76:D76"/>
    <mergeCell ref="A78:D78"/>
    <mergeCell ref="C80:C81"/>
    <mergeCell ref="E80:E81"/>
    <mergeCell ref="F80:F81"/>
    <mergeCell ref="A80:B81"/>
    <mergeCell ref="A104:B104"/>
    <mergeCell ref="A96:B100"/>
    <mergeCell ref="B106:B108"/>
    <mergeCell ref="F104:H104"/>
    <mergeCell ref="C106:C108"/>
    <mergeCell ref="D94:E94"/>
    <mergeCell ref="C86:H87"/>
    <mergeCell ref="D106:E106"/>
    <mergeCell ref="C88:C90"/>
    <mergeCell ref="G83:H83"/>
    <mergeCell ref="F88:H89"/>
    <mergeCell ref="G84:H84"/>
    <mergeCell ref="D101:E101"/>
    <mergeCell ref="D102:E102"/>
    <mergeCell ref="F90:H90"/>
    <mergeCell ref="A6:H6"/>
    <mergeCell ref="A7:H7"/>
    <mergeCell ref="C10:D11"/>
    <mergeCell ref="D91:E91"/>
    <mergeCell ref="D92:E92"/>
    <mergeCell ref="D93:E93"/>
    <mergeCell ref="C35:D35"/>
    <mergeCell ref="G35:H35"/>
    <mergeCell ref="C33:D34"/>
    <mergeCell ref="B33:B35"/>
    <mergeCell ref="B46:B48"/>
    <mergeCell ref="B59:B61"/>
    <mergeCell ref="C13:D13"/>
    <mergeCell ref="C14:D14"/>
    <mergeCell ref="C15:D15"/>
    <mergeCell ref="C16:D16"/>
    <mergeCell ref="C17:D17"/>
    <mergeCell ref="C18:D18"/>
    <mergeCell ref="C19:D19"/>
    <mergeCell ref="C20:D20"/>
    <mergeCell ref="C21:D21"/>
    <mergeCell ref="E22:F22"/>
    <mergeCell ref="E23:F23"/>
    <mergeCell ref="E24:F24"/>
    <mergeCell ref="A3:H3"/>
    <mergeCell ref="A10:A12"/>
    <mergeCell ref="B10:B12"/>
    <mergeCell ref="C12:D12"/>
    <mergeCell ref="A4:H4"/>
    <mergeCell ref="A5:H5"/>
    <mergeCell ref="F91:H91"/>
    <mergeCell ref="F92:H92"/>
    <mergeCell ref="F93:H93"/>
    <mergeCell ref="C22:D22"/>
    <mergeCell ref="C23:D23"/>
    <mergeCell ref="C24:D24"/>
    <mergeCell ref="C25:D25"/>
    <mergeCell ref="D59:E59"/>
    <mergeCell ref="C44:D44"/>
    <mergeCell ref="E39:F39"/>
    <mergeCell ref="E40:F40"/>
    <mergeCell ref="E41:F41"/>
    <mergeCell ref="E42:F42"/>
    <mergeCell ref="E43:F43"/>
    <mergeCell ref="E44:F44"/>
    <mergeCell ref="G22:H22"/>
    <mergeCell ref="G23:H23"/>
    <mergeCell ref="G24:H24"/>
  </mergeCells>
  <printOptions horizontalCentered="1"/>
  <pageMargins left="0.19685039370078741" right="0.19685039370078741" top="0.78740157480314965" bottom="0.39370078740157483" header="0" footer="0"/>
  <pageSetup paperSize="9" scale="53" fitToHeight="2" orientation="portrait" r:id="rId9"/>
  <drawing r:id="rId1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58"/>
  <sheetViews>
    <sheetView showGridLines="0" zoomScaleNormal="100" workbookViewId="0"/>
  </sheetViews>
  <sheetFormatPr defaultRowHeight="11.25" customHeight="1" x14ac:dyDescent="0.2"/>
  <cols>
    <col min="1" max="1" width="48.85546875" style="264" customWidth="1"/>
    <col min="2" max="2" width="14.42578125" style="264" customWidth="1"/>
    <col min="3" max="3" width="19.140625" style="264" customWidth="1"/>
    <col min="4" max="12" width="6.7109375" style="264" customWidth="1"/>
    <col min="13" max="13" width="8" style="217" customWidth="1"/>
    <col min="14" max="245" width="9.140625" style="264"/>
    <col min="246" max="246" width="32" style="264" customWidth="1"/>
    <col min="247" max="247" width="9.140625" style="264"/>
    <col min="248" max="248" width="9.140625" style="264" customWidth="1"/>
    <col min="249" max="249" width="9.140625" style="264"/>
    <col min="250" max="250" width="9.140625" style="264" customWidth="1"/>
    <col min="251" max="251" width="7" style="264" customWidth="1"/>
    <col min="252" max="252" width="9.140625" style="264" customWidth="1"/>
    <col min="253" max="253" width="7.42578125" style="264" customWidth="1"/>
    <col min="254" max="254" width="9.140625" style="264" customWidth="1"/>
    <col min="255" max="255" width="7.42578125" style="264" customWidth="1"/>
    <col min="256" max="257" width="9.140625" style="264" customWidth="1"/>
    <col min="258" max="258" width="7.42578125" style="264" customWidth="1"/>
    <col min="259" max="259" width="9.140625" style="264" customWidth="1"/>
    <col min="260" max="260" width="7.85546875" style="264" customWidth="1"/>
    <col min="261" max="262" width="9.140625" style="264" customWidth="1"/>
    <col min="263" max="263" width="7.7109375" style="264" customWidth="1"/>
    <col min="264" max="264" width="9.140625" style="264" customWidth="1"/>
    <col min="265" max="265" width="7.5703125" style="264" customWidth="1"/>
    <col min="266" max="266" width="9.140625" style="264" customWidth="1"/>
    <col min="267" max="268" width="7.7109375" style="264" customWidth="1"/>
    <col min="269" max="269" width="8" style="264" customWidth="1"/>
    <col min="270" max="501" width="9.140625" style="264"/>
    <col min="502" max="502" width="32" style="264" customWidth="1"/>
    <col min="503" max="503" width="9.140625" style="264"/>
    <col min="504" max="504" width="9.140625" style="264" customWidth="1"/>
    <col min="505" max="505" width="9.140625" style="264"/>
    <col min="506" max="506" width="9.140625" style="264" customWidth="1"/>
    <col min="507" max="507" width="7" style="264" customWidth="1"/>
    <col min="508" max="508" width="9.140625" style="264" customWidth="1"/>
    <col min="509" max="509" width="7.42578125" style="264" customWidth="1"/>
    <col min="510" max="510" width="9.140625" style="264" customWidth="1"/>
    <col min="511" max="511" width="7.42578125" style="264" customWidth="1"/>
    <col min="512" max="513" width="9.140625" style="264" customWidth="1"/>
    <col min="514" max="514" width="7.42578125" style="264" customWidth="1"/>
    <col min="515" max="515" width="9.140625" style="264" customWidth="1"/>
    <col min="516" max="516" width="7.85546875" style="264" customWidth="1"/>
    <col min="517" max="518" width="9.140625" style="264" customWidth="1"/>
    <col min="519" max="519" width="7.7109375" style="264" customWidth="1"/>
    <col min="520" max="520" width="9.140625" style="264" customWidth="1"/>
    <col min="521" max="521" width="7.5703125" style="264" customWidth="1"/>
    <col min="522" max="522" width="9.140625" style="264" customWidth="1"/>
    <col min="523" max="524" width="7.7109375" style="264" customWidth="1"/>
    <col min="525" max="525" width="8" style="264" customWidth="1"/>
    <col min="526" max="757" width="9.140625" style="264"/>
    <col min="758" max="758" width="32" style="264" customWidth="1"/>
    <col min="759" max="759" width="9.140625" style="264"/>
    <col min="760" max="760" width="9.140625" style="264" customWidth="1"/>
    <col min="761" max="761" width="9.140625" style="264"/>
    <col min="762" max="762" width="9.140625" style="264" customWidth="1"/>
    <col min="763" max="763" width="7" style="264" customWidth="1"/>
    <col min="764" max="764" width="9.140625" style="264" customWidth="1"/>
    <col min="765" max="765" width="7.42578125" style="264" customWidth="1"/>
    <col min="766" max="766" width="9.140625" style="264" customWidth="1"/>
    <col min="767" max="767" width="7.42578125" style="264" customWidth="1"/>
    <col min="768" max="769" width="9.140625" style="264" customWidth="1"/>
    <col min="770" max="770" width="7.42578125" style="264" customWidth="1"/>
    <col min="771" max="771" width="9.140625" style="264" customWidth="1"/>
    <col min="772" max="772" width="7.85546875" style="264" customWidth="1"/>
    <col min="773" max="774" width="9.140625" style="264" customWidth="1"/>
    <col min="775" max="775" width="7.7109375" style="264" customWidth="1"/>
    <col min="776" max="776" width="9.140625" style="264" customWidth="1"/>
    <col min="777" max="777" width="7.5703125" style="264" customWidth="1"/>
    <col min="778" max="778" width="9.140625" style="264" customWidth="1"/>
    <col min="779" max="780" width="7.7109375" style="264" customWidth="1"/>
    <col min="781" max="781" width="8" style="264" customWidth="1"/>
    <col min="782" max="1013" width="9.140625" style="264"/>
    <col min="1014" max="1014" width="32" style="264" customWidth="1"/>
    <col min="1015" max="1015" width="9.140625" style="264"/>
    <col min="1016" max="1016" width="9.140625" style="264" customWidth="1"/>
    <col min="1017" max="1017" width="9.140625" style="264"/>
    <col min="1018" max="1018" width="9.140625" style="264" customWidth="1"/>
    <col min="1019" max="1019" width="7" style="264" customWidth="1"/>
    <col min="1020" max="1020" width="9.140625" style="264" customWidth="1"/>
    <col min="1021" max="1021" width="7.42578125" style="264" customWidth="1"/>
    <col min="1022" max="1022" width="9.140625" style="264" customWidth="1"/>
    <col min="1023" max="1023" width="7.42578125" style="264" customWidth="1"/>
    <col min="1024" max="1025" width="9.140625" style="264" customWidth="1"/>
    <col min="1026" max="1026" width="7.42578125" style="264" customWidth="1"/>
    <col min="1027" max="1027" width="9.140625" style="264" customWidth="1"/>
    <col min="1028" max="1028" width="7.85546875" style="264" customWidth="1"/>
    <col min="1029" max="1030" width="9.140625" style="264" customWidth="1"/>
    <col min="1031" max="1031" width="7.7109375" style="264" customWidth="1"/>
    <col min="1032" max="1032" width="9.140625" style="264" customWidth="1"/>
    <col min="1033" max="1033" width="7.5703125" style="264" customWidth="1"/>
    <col min="1034" max="1034" width="9.140625" style="264" customWidth="1"/>
    <col min="1035" max="1036" width="7.7109375" style="264" customWidth="1"/>
    <col min="1037" max="1037" width="8" style="264" customWidth="1"/>
    <col min="1038" max="1269" width="9.140625" style="264"/>
    <col min="1270" max="1270" width="32" style="264" customWidth="1"/>
    <col min="1271" max="1271" width="9.140625" style="264"/>
    <col min="1272" max="1272" width="9.140625" style="264" customWidth="1"/>
    <col min="1273" max="1273" width="9.140625" style="264"/>
    <col min="1274" max="1274" width="9.140625" style="264" customWidth="1"/>
    <col min="1275" max="1275" width="7" style="264" customWidth="1"/>
    <col min="1276" max="1276" width="9.140625" style="264" customWidth="1"/>
    <col min="1277" max="1277" width="7.42578125" style="264" customWidth="1"/>
    <col min="1278" max="1278" width="9.140625" style="264" customWidth="1"/>
    <col min="1279" max="1279" width="7.42578125" style="264" customWidth="1"/>
    <col min="1280" max="1281" width="9.140625" style="264" customWidth="1"/>
    <col min="1282" max="1282" width="7.42578125" style="264" customWidth="1"/>
    <col min="1283" max="1283" width="9.140625" style="264" customWidth="1"/>
    <col min="1284" max="1284" width="7.85546875" style="264" customWidth="1"/>
    <col min="1285" max="1286" width="9.140625" style="264" customWidth="1"/>
    <col min="1287" max="1287" width="7.7109375" style="264" customWidth="1"/>
    <col min="1288" max="1288" width="9.140625" style="264" customWidth="1"/>
    <col min="1289" max="1289" width="7.5703125" style="264" customWidth="1"/>
    <col min="1290" max="1290" width="9.140625" style="264" customWidth="1"/>
    <col min="1291" max="1292" width="7.7109375" style="264" customWidth="1"/>
    <col min="1293" max="1293" width="8" style="264" customWidth="1"/>
    <col min="1294" max="1525" width="9.140625" style="264"/>
    <col min="1526" max="1526" width="32" style="264" customWidth="1"/>
    <col min="1527" max="1527" width="9.140625" style="264"/>
    <col min="1528" max="1528" width="9.140625" style="264" customWidth="1"/>
    <col min="1529" max="1529" width="9.140625" style="264"/>
    <col min="1530" max="1530" width="9.140625" style="264" customWidth="1"/>
    <col min="1531" max="1531" width="7" style="264" customWidth="1"/>
    <col min="1532" max="1532" width="9.140625" style="264" customWidth="1"/>
    <col min="1533" max="1533" width="7.42578125" style="264" customWidth="1"/>
    <col min="1534" max="1534" width="9.140625" style="264" customWidth="1"/>
    <col min="1535" max="1535" width="7.42578125" style="264" customWidth="1"/>
    <col min="1536" max="1537" width="9.140625" style="264" customWidth="1"/>
    <col min="1538" max="1538" width="7.42578125" style="264" customWidth="1"/>
    <col min="1539" max="1539" width="9.140625" style="264" customWidth="1"/>
    <col min="1540" max="1540" width="7.85546875" style="264" customWidth="1"/>
    <col min="1541" max="1542" width="9.140625" style="264" customWidth="1"/>
    <col min="1543" max="1543" width="7.7109375" style="264" customWidth="1"/>
    <col min="1544" max="1544" width="9.140625" style="264" customWidth="1"/>
    <col min="1545" max="1545" width="7.5703125" style="264" customWidth="1"/>
    <col min="1546" max="1546" width="9.140625" style="264" customWidth="1"/>
    <col min="1547" max="1548" width="7.7109375" style="264" customWidth="1"/>
    <col min="1549" max="1549" width="8" style="264" customWidth="1"/>
    <col min="1550" max="1781" width="9.140625" style="264"/>
    <col min="1782" max="1782" width="32" style="264" customWidth="1"/>
    <col min="1783" max="1783" width="9.140625" style="264"/>
    <col min="1784" max="1784" width="9.140625" style="264" customWidth="1"/>
    <col min="1785" max="1785" width="9.140625" style="264"/>
    <col min="1786" max="1786" width="9.140625" style="264" customWidth="1"/>
    <col min="1787" max="1787" width="7" style="264" customWidth="1"/>
    <col min="1788" max="1788" width="9.140625" style="264" customWidth="1"/>
    <col min="1789" max="1789" width="7.42578125" style="264" customWidth="1"/>
    <col min="1790" max="1790" width="9.140625" style="264" customWidth="1"/>
    <col min="1791" max="1791" width="7.42578125" style="264" customWidth="1"/>
    <col min="1792" max="1793" width="9.140625" style="264" customWidth="1"/>
    <col min="1794" max="1794" width="7.42578125" style="264" customWidth="1"/>
    <col min="1795" max="1795" width="9.140625" style="264" customWidth="1"/>
    <col min="1796" max="1796" width="7.85546875" style="264" customWidth="1"/>
    <col min="1797" max="1798" width="9.140625" style="264" customWidth="1"/>
    <col min="1799" max="1799" width="7.7109375" style="264" customWidth="1"/>
    <col min="1800" max="1800" width="9.140625" style="264" customWidth="1"/>
    <col min="1801" max="1801" width="7.5703125" style="264" customWidth="1"/>
    <col min="1802" max="1802" width="9.140625" style="264" customWidth="1"/>
    <col min="1803" max="1804" width="7.7109375" style="264" customWidth="1"/>
    <col min="1805" max="1805" width="8" style="264" customWidth="1"/>
    <col min="1806" max="2037" width="9.140625" style="264"/>
    <col min="2038" max="2038" width="32" style="264" customWidth="1"/>
    <col min="2039" max="2039" width="9.140625" style="264"/>
    <col min="2040" max="2040" width="9.140625" style="264" customWidth="1"/>
    <col min="2041" max="2041" width="9.140625" style="264"/>
    <col min="2042" max="2042" width="9.140625" style="264" customWidth="1"/>
    <col min="2043" max="2043" width="7" style="264" customWidth="1"/>
    <col min="2044" max="2044" width="9.140625" style="264" customWidth="1"/>
    <col min="2045" max="2045" width="7.42578125" style="264" customWidth="1"/>
    <col min="2046" max="2046" width="9.140625" style="264" customWidth="1"/>
    <col min="2047" max="2047" width="7.42578125" style="264" customWidth="1"/>
    <col min="2048" max="2049" width="9.140625" style="264" customWidth="1"/>
    <col min="2050" max="2050" width="7.42578125" style="264" customWidth="1"/>
    <col min="2051" max="2051" width="9.140625" style="264" customWidth="1"/>
    <col min="2052" max="2052" width="7.85546875" style="264" customWidth="1"/>
    <col min="2053" max="2054" width="9.140625" style="264" customWidth="1"/>
    <col min="2055" max="2055" width="7.7109375" style="264" customWidth="1"/>
    <col min="2056" max="2056" width="9.140625" style="264" customWidth="1"/>
    <col min="2057" max="2057" width="7.5703125" style="264" customWidth="1"/>
    <col min="2058" max="2058" width="9.140625" style="264" customWidth="1"/>
    <col min="2059" max="2060" width="7.7109375" style="264" customWidth="1"/>
    <col min="2061" max="2061" width="8" style="264" customWidth="1"/>
    <col min="2062" max="2293" width="9.140625" style="264"/>
    <col min="2294" max="2294" width="32" style="264" customWidth="1"/>
    <col min="2295" max="2295" width="9.140625" style="264"/>
    <col min="2296" max="2296" width="9.140625" style="264" customWidth="1"/>
    <col min="2297" max="2297" width="9.140625" style="264"/>
    <col min="2298" max="2298" width="9.140625" style="264" customWidth="1"/>
    <col min="2299" max="2299" width="7" style="264" customWidth="1"/>
    <col min="2300" max="2300" width="9.140625" style="264" customWidth="1"/>
    <col min="2301" max="2301" width="7.42578125" style="264" customWidth="1"/>
    <col min="2302" max="2302" width="9.140625" style="264" customWidth="1"/>
    <col min="2303" max="2303" width="7.42578125" style="264" customWidth="1"/>
    <col min="2304" max="2305" width="9.140625" style="264" customWidth="1"/>
    <col min="2306" max="2306" width="7.42578125" style="264" customWidth="1"/>
    <col min="2307" max="2307" width="9.140625" style="264" customWidth="1"/>
    <col min="2308" max="2308" width="7.85546875" style="264" customWidth="1"/>
    <col min="2309" max="2310" width="9.140625" style="264" customWidth="1"/>
    <col min="2311" max="2311" width="7.7109375" style="264" customWidth="1"/>
    <col min="2312" max="2312" width="9.140625" style="264" customWidth="1"/>
    <col min="2313" max="2313" width="7.5703125" style="264" customWidth="1"/>
    <col min="2314" max="2314" width="9.140625" style="264" customWidth="1"/>
    <col min="2315" max="2316" width="7.7109375" style="264" customWidth="1"/>
    <col min="2317" max="2317" width="8" style="264" customWidth="1"/>
    <col min="2318" max="2549" width="9.140625" style="264"/>
    <col min="2550" max="2550" width="32" style="264" customWidth="1"/>
    <col min="2551" max="2551" width="9.140625" style="264"/>
    <col min="2552" max="2552" width="9.140625" style="264" customWidth="1"/>
    <col min="2553" max="2553" width="9.140625" style="264"/>
    <col min="2554" max="2554" width="9.140625" style="264" customWidth="1"/>
    <col min="2555" max="2555" width="7" style="264" customWidth="1"/>
    <col min="2556" max="2556" width="9.140625" style="264" customWidth="1"/>
    <col min="2557" max="2557" width="7.42578125" style="264" customWidth="1"/>
    <col min="2558" max="2558" width="9.140625" style="264" customWidth="1"/>
    <col min="2559" max="2559" width="7.42578125" style="264" customWidth="1"/>
    <col min="2560" max="2561" width="9.140625" style="264" customWidth="1"/>
    <col min="2562" max="2562" width="7.42578125" style="264" customWidth="1"/>
    <col min="2563" max="2563" width="9.140625" style="264" customWidth="1"/>
    <col min="2564" max="2564" width="7.85546875" style="264" customWidth="1"/>
    <col min="2565" max="2566" width="9.140625" style="264" customWidth="1"/>
    <col min="2567" max="2567" width="7.7109375" style="264" customWidth="1"/>
    <col min="2568" max="2568" width="9.140625" style="264" customWidth="1"/>
    <col min="2569" max="2569" width="7.5703125" style="264" customWidth="1"/>
    <col min="2570" max="2570" width="9.140625" style="264" customWidth="1"/>
    <col min="2571" max="2572" width="7.7109375" style="264" customWidth="1"/>
    <col min="2573" max="2573" width="8" style="264" customWidth="1"/>
    <col min="2574" max="2805" width="9.140625" style="264"/>
    <col min="2806" max="2806" width="32" style="264" customWidth="1"/>
    <col min="2807" max="2807" width="9.140625" style="264"/>
    <col min="2808" max="2808" width="9.140625" style="264" customWidth="1"/>
    <col min="2809" max="2809" width="9.140625" style="264"/>
    <col min="2810" max="2810" width="9.140625" style="264" customWidth="1"/>
    <col min="2811" max="2811" width="7" style="264" customWidth="1"/>
    <col min="2812" max="2812" width="9.140625" style="264" customWidth="1"/>
    <col min="2813" max="2813" width="7.42578125" style="264" customWidth="1"/>
    <col min="2814" max="2814" width="9.140625" style="264" customWidth="1"/>
    <col min="2815" max="2815" width="7.42578125" style="264" customWidth="1"/>
    <col min="2816" max="2817" width="9.140625" style="264" customWidth="1"/>
    <col min="2818" max="2818" width="7.42578125" style="264" customWidth="1"/>
    <col min="2819" max="2819" width="9.140625" style="264" customWidth="1"/>
    <col min="2820" max="2820" width="7.85546875" style="264" customWidth="1"/>
    <col min="2821" max="2822" width="9.140625" style="264" customWidth="1"/>
    <col min="2823" max="2823" width="7.7109375" style="264" customWidth="1"/>
    <col min="2824" max="2824" width="9.140625" style="264" customWidth="1"/>
    <col min="2825" max="2825" width="7.5703125" style="264" customWidth="1"/>
    <col min="2826" max="2826" width="9.140625" style="264" customWidth="1"/>
    <col min="2827" max="2828" width="7.7109375" style="264" customWidth="1"/>
    <col min="2829" max="2829" width="8" style="264" customWidth="1"/>
    <col min="2830" max="3061" width="9.140625" style="264"/>
    <col min="3062" max="3062" width="32" style="264" customWidth="1"/>
    <col min="3063" max="3063" width="9.140625" style="264"/>
    <col min="3064" max="3064" width="9.140625" style="264" customWidth="1"/>
    <col min="3065" max="3065" width="9.140625" style="264"/>
    <col min="3066" max="3066" width="9.140625" style="264" customWidth="1"/>
    <col min="3067" max="3067" width="7" style="264" customWidth="1"/>
    <col min="3068" max="3068" width="9.140625" style="264" customWidth="1"/>
    <col min="3069" max="3069" width="7.42578125" style="264" customWidth="1"/>
    <col min="3070" max="3070" width="9.140625" style="264" customWidth="1"/>
    <col min="3071" max="3071" width="7.42578125" style="264" customWidth="1"/>
    <col min="3072" max="3073" width="9.140625" style="264" customWidth="1"/>
    <col min="3074" max="3074" width="7.42578125" style="264" customWidth="1"/>
    <col min="3075" max="3075" width="9.140625" style="264" customWidth="1"/>
    <col min="3076" max="3076" width="7.85546875" style="264" customWidth="1"/>
    <col min="3077" max="3078" width="9.140625" style="264" customWidth="1"/>
    <col min="3079" max="3079" width="7.7109375" style="264" customWidth="1"/>
    <col min="3080" max="3080" width="9.140625" style="264" customWidth="1"/>
    <col min="3081" max="3081" width="7.5703125" style="264" customWidth="1"/>
    <col min="3082" max="3082" width="9.140625" style="264" customWidth="1"/>
    <col min="3083" max="3084" width="7.7109375" style="264" customWidth="1"/>
    <col min="3085" max="3085" width="8" style="264" customWidth="1"/>
    <col min="3086" max="3317" width="9.140625" style="264"/>
    <col min="3318" max="3318" width="32" style="264" customWidth="1"/>
    <col min="3319" max="3319" width="9.140625" style="264"/>
    <col min="3320" max="3320" width="9.140625" style="264" customWidth="1"/>
    <col min="3321" max="3321" width="9.140625" style="264"/>
    <col min="3322" max="3322" width="9.140625" style="264" customWidth="1"/>
    <col min="3323" max="3323" width="7" style="264" customWidth="1"/>
    <col min="3324" max="3324" width="9.140625" style="264" customWidth="1"/>
    <col min="3325" max="3325" width="7.42578125" style="264" customWidth="1"/>
    <col min="3326" max="3326" width="9.140625" style="264" customWidth="1"/>
    <col min="3327" max="3327" width="7.42578125" style="264" customWidth="1"/>
    <col min="3328" max="3329" width="9.140625" style="264" customWidth="1"/>
    <col min="3330" max="3330" width="7.42578125" style="264" customWidth="1"/>
    <col min="3331" max="3331" width="9.140625" style="264" customWidth="1"/>
    <col min="3332" max="3332" width="7.85546875" style="264" customWidth="1"/>
    <col min="3333" max="3334" width="9.140625" style="264" customWidth="1"/>
    <col min="3335" max="3335" width="7.7109375" style="264" customWidth="1"/>
    <col min="3336" max="3336" width="9.140625" style="264" customWidth="1"/>
    <col min="3337" max="3337" width="7.5703125" style="264" customWidth="1"/>
    <col min="3338" max="3338" width="9.140625" style="264" customWidth="1"/>
    <col min="3339" max="3340" width="7.7109375" style="264" customWidth="1"/>
    <col min="3341" max="3341" width="8" style="264" customWidth="1"/>
    <col min="3342" max="3573" width="9.140625" style="264"/>
    <col min="3574" max="3574" width="32" style="264" customWidth="1"/>
    <col min="3575" max="3575" width="9.140625" style="264"/>
    <col min="3576" max="3576" width="9.140625" style="264" customWidth="1"/>
    <col min="3577" max="3577" width="9.140625" style="264"/>
    <col min="3578" max="3578" width="9.140625" style="264" customWidth="1"/>
    <col min="3579" max="3579" width="7" style="264" customWidth="1"/>
    <col min="3580" max="3580" width="9.140625" style="264" customWidth="1"/>
    <col min="3581" max="3581" width="7.42578125" style="264" customWidth="1"/>
    <col min="3582" max="3582" width="9.140625" style="264" customWidth="1"/>
    <col min="3583" max="3583" width="7.42578125" style="264" customWidth="1"/>
    <col min="3584" max="3585" width="9.140625" style="264" customWidth="1"/>
    <col min="3586" max="3586" width="7.42578125" style="264" customWidth="1"/>
    <col min="3587" max="3587" width="9.140625" style="264" customWidth="1"/>
    <col min="3588" max="3588" width="7.85546875" style="264" customWidth="1"/>
    <col min="3589" max="3590" width="9.140625" style="264" customWidth="1"/>
    <col min="3591" max="3591" width="7.7109375" style="264" customWidth="1"/>
    <col min="3592" max="3592" width="9.140625" style="264" customWidth="1"/>
    <col min="3593" max="3593" width="7.5703125" style="264" customWidth="1"/>
    <col min="3594" max="3594" width="9.140625" style="264" customWidth="1"/>
    <col min="3595" max="3596" width="7.7109375" style="264" customWidth="1"/>
    <col min="3597" max="3597" width="8" style="264" customWidth="1"/>
    <col min="3598" max="3829" width="9.140625" style="264"/>
    <col min="3830" max="3830" width="32" style="264" customWidth="1"/>
    <col min="3831" max="3831" width="9.140625" style="264"/>
    <col min="3832" max="3832" width="9.140625" style="264" customWidth="1"/>
    <col min="3833" max="3833" width="9.140625" style="264"/>
    <col min="3834" max="3834" width="9.140625" style="264" customWidth="1"/>
    <col min="3835" max="3835" width="7" style="264" customWidth="1"/>
    <col min="3836" max="3836" width="9.140625" style="264" customWidth="1"/>
    <col min="3837" max="3837" width="7.42578125" style="264" customWidth="1"/>
    <col min="3838" max="3838" width="9.140625" style="264" customWidth="1"/>
    <col min="3839" max="3839" width="7.42578125" style="264" customWidth="1"/>
    <col min="3840" max="3841" width="9.140625" style="264" customWidth="1"/>
    <col min="3842" max="3842" width="7.42578125" style="264" customWidth="1"/>
    <col min="3843" max="3843" width="9.140625" style="264" customWidth="1"/>
    <col min="3844" max="3844" width="7.85546875" style="264" customWidth="1"/>
    <col min="3845" max="3846" width="9.140625" style="264" customWidth="1"/>
    <col min="3847" max="3847" width="7.7109375" style="264" customWidth="1"/>
    <col min="3848" max="3848" width="9.140625" style="264" customWidth="1"/>
    <col min="3849" max="3849" width="7.5703125" style="264" customWidth="1"/>
    <col min="3850" max="3850" width="9.140625" style="264" customWidth="1"/>
    <col min="3851" max="3852" width="7.7109375" style="264" customWidth="1"/>
    <col min="3853" max="3853" width="8" style="264" customWidth="1"/>
    <col min="3854" max="4085" width="9.140625" style="264"/>
    <col min="4086" max="4086" width="32" style="264" customWidth="1"/>
    <col min="4087" max="4087" width="9.140625" style="264"/>
    <col min="4088" max="4088" width="9.140625" style="264" customWidth="1"/>
    <col min="4089" max="4089" width="9.140625" style="264"/>
    <col min="4090" max="4090" width="9.140625" style="264" customWidth="1"/>
    <col min="4091" max="4091" width="7" style="264" customWidth="1"/>
    <col min="4092" max="4092" width="9.140625" style="264" customWidth="1"/>
    <col min="4093" max="4093" width="7.42578125" style="264" customWidth="1"/>
    <col min="4094" max="4094" width="9.140625" style="264" customWidth="1"/>
    <col min="4095" max="4095" width="7.42578125" style="264" customWidth="1"/>
    <col min="4096" max="4097" width="9.140625" style="264" customWidth="1"/>
    <col min="4098" max="4098" width="7.42578125" style="264" customWidth="1"/>
    <col min="4099" max="4099" width="9.140625" style="264" customWidth="1"/>
    <col min="4100" max="4100" width="7.85546875" style="264" customWidth="1"/>
    <col min="4101" max="4102" width="9.140625" style="264" customWidth="1"/>
    <col min="4103" max="4103" width="7.7109375" style="264" customWidth="1"/>
    <col min="4104" max="4104" width="9.140625" style="264" customWidth="1"/>
    <col min="4105" max="4105" width="7.5703125" style="264" customWidth="1"/>
    <col min="4106" max="4106" width="9.140625" style="264" customWidth="1"/>
    <col min="4107" max="4108" width="7.7109375" style="264" customWidth="1"/>
    <col min="4109" max="4109" width="8" style="264" customWidth="1"/>
    <col min="4110" max="4341" width="9.140625" style="264"/>
    <col min="4342" max="4342" width="32" style="264" customWidth="1"/>
    <col min="4343" max="4343" width="9.140625" style="264"/>
    <col min="4344" max="4344" width="9.140625" style="264" customWidth="1"/>
    <col min="4345" max="4345" width="9.140625" style="264"/>
    <col min="4346" max="4346" width="9.140625" style="264" customWidth="1"/>
    <col min="4347" max="4347" width="7" style="264" customWidth="1"/>
    <col min="4348" max="4348" width="9.140625" style="264" customWidth="1"/>
    <col min="4349" max="4349" width="7.42578125" style="264" customWidth="1"/>
    <col min="4350" max="4350" width="9.140625" style="264" customWidth="1"/>
    <col min="4351" max="4351" width="7.42578125" style="264" customWidth="1"/>
    <col min="4352" max="4353" width="9.140625" style="264" customWidth="1"/>
    <col min="4354" max="4354" width="7.42578125" style="264" customWidth="1"/>
    <col min="4355" max="4355" width="9.140625" style="264" customWidth="1"/>
    <col min="4356" max="4356" width="7.85546875" style="264" customWidth="1"/>
    <col min="4357" max="4358" width="9.140625" style="264" customWidth="1"/>
    <col min="4359" max="4359" width="7.7109375" style="264" customWidth="1"/>
    <col min="4360" max="4360" width="9.140625" style="264" customWidth="1"/>
    <col min="4361" max="4361" width="7.5703125" style="264" customWidth="1"/>
    <col min="4362" max="4362" width="9.140625" style="264" customWidth="1"/>
    <col min="4363" max="4364" width="7.7109375" style="264" customWidth="1"/>
    <col min="4365" max="4365" width="8" style="264" customWidth="1"/>
    <col min="4366" max="4597" width="9.140625" style="264"/>
    <col min="4598" max="4598" width="32" style="264" customWidth="1"/>
    <col min="4599" max="4599" width="9.140625" style="264"/>
    <col min="4600" max="4600" width="9.140625" style="264" customWidth="1"/>
    <col min="4601" max="4601" width="9.140625" style="264"/>
    <col min="4602" max="4602" width="9.140625" style="264" customWidth="1"/>
    <col min="4603" max="4603" width="7" style="264" customWidth="1"/>
    <col min="4604" max="4604" width="9.140625" style="264" customWidth="1"/>
    <col min="4605" max="4605" width="7.42578125" style="264" customWidth="1"/>
    <col min="4606" max="4606" width="9.140625" style="264" customWidth="1"/>
    <col min="4607" max="4607" width="7.42578125" style="264" customWidth="1"/>
    <col min="4608" max="4609" width="9.140625" style="264" customWidth="1"/>
    <col min="4610" max="4610" width="7.42578125" style="264" customWidth="1"/>
    <col min="4611" max="4611" width="9.140625" style="264" customWidth="1"/>
    <col min="4612" max="4612" width="7.85546875" style="264" customWidth="1"/>
    <col min="4613" max="4614" width="9.140625" style="264" customWidth="1"/>
    <col min="4615" max="4615" width="7.7109375" style="264" customWidth="1"/>
    <col min="4616" max="4616" width="9.140625" style="264" customWidth="1"/>
    <col min="4617" max="4617" width="7.5703125" style="264" customWidth="1"/>
    <col min="4618" max="4618" width="9.140625" style="264" customWidth="1"/>
    <col min="4619" max="4620" width="7.7109375" style="264" customWidth="1"/>
    <col min="4621" max="4621" width="8" style="264" customWidth="1"/>
    <col min="4622" max="4853" width="9.140625" style="264"/>
    <col min="4854" max="4854" width="32" style="264" customWidth="1"/>
    <col min="4855" max="4855" width="9.140625" style="264"/>
    <col min="4856" max="4856" width="9.140625" style="264" customWidth="1"/>
    <col min="4857" max="4857" width="9.140625" style="264"/>
    <col min="4858" max="4858" width="9.140625" style="264" customWidth="1"/>
    <col min="4859" max="4859" width="7" style="264" customWidth="1"/>
    <col min="4860" max="4860" width="9.140625" style="264" customWidth="1"/>
    <col min="4861" max="4861" width="7.42578125" style="264" customWidth="1"/>
    <col min="4862" max="4862" width="9.140625" style="264" customWidth="1"/>
    <col min="4863" max="4863" width="7.42578125" style="264" customWidth="1"/>
    <col min="4864" max="4865" width="9.140625" style="264" customWidth="1"/>
    <col min="4866" max="4866" width="7.42578125" style="264" customWidth="1"/>
    <col min="4867" max="4867" width="9.140625" style="264" customWidth="1"/>
    <col min="4868" max="4868" width="7.85546875" style="264" customWidth="1"/>
    <col min="4869" max="4870" width="9.140625" style="264" customWidth="1"/>
    <col min="4871" max="4871" width="7.7109375" style="264" customWidth="1"/>
    <col min="4872" max="4872" width="9.140625" style="264" customWidth="1"/>
    <col min="4873" max="4873" width="7.5703125" style="264" customWidth="1"/>
    <col min="4874" max="4874" width="9.140625" style="264" customWidth="1"/>
    <col min="4875" max="4876" width="7.7109375" style="264" customWidth="1"/>
    <col min="4877" max="4877" width="8" style="264" customWidth="1"/>
    <col min="4878" max="5109" width="9.140625" style="264"/>
    <col min="5110" max="5110" width="32" style="264" customWidth="1"/>
    <col min="5111" max="5111" width="9.140625" style="264"/>
    <col min="5112" max="5112" width="9.140625" style="264" customWidth="1"/>
    <col min="5113" max="5113" width="9.140625" style="264"/>
    <col min="5114" max="5114" width="9.140625" style="264" customWidth="1"/>
    <col min="5115" max="5115" width="7" style="264" customWidth="1"/>
    <col min="5116" max="5116" width="9.140625" style="264" customWidth="1"/>
    <col min="5117" max="5117" width="7.42578125" style="264" customWidth="1"/>
    <col min="5118" max="5118" width="9.140625" style="264" customWidth="1"/>
    <col min="5119" max="5119" width="7.42578125" style="264" customWidth="1"/>
    <col min="5120" max="5121" width="9.140625" style="264" customWidth="1"/>
    <col min="5122" max="5122" width="7.42578125" style="264" customWidth="1"/>
    <col min="5123" max="5123" width="9.140625" style="264" customWidth="1"/>
    <col min="5124" max="5124" width="7.85546875" style="264" customWidth="1"/>
    <col min="5125" max="5126" width="9.140625" style="264" customWidth="1"/>
    <col min="5127" max="5127" width="7.7109375" style="264" customWidth="1"/>
    <col min="5128" max="5128" width="9.140625" style="264" customWidth="1"/>
    <col min="5129" max="5129" width="7.5703125" style="264" customWidth="1"/>
    <col min="5130" max="5130" width="9.140625" style="264" customWidth="1"/>
    <col min="5131" max="5132" width="7.7109375" style="264" customWidth="1"/>
    <col min="5133" max="5133" width="8" style="264" customWidth="1"/>
    <col min="5134" max="5365" width="9.140625" style="264"/>
    <col min="5366" max="5366" width="32" style="264" customWidth="1"/>
    <col min="5367" max="5367" width="9.140625" style="264"/>
    <col min="5368" max="5368" width="9.140625" style="264" customWidth="1"/>
    <col min="5369" max="5369" width="9.140625" style="264"/>
    <col min="5370" max="5370" width="9.140625" style="264" customWidth="1"/>
    <col min="5371" max="5371" width="7" style="264" customWidth="1"/>
    <col min="5372" max="5372" width="9.140625" style="264" customWidth="1"/>
    <col min="5373" max="5373" width="7.42578125" style="264" customWidth="1"/>
    <col min="5374" max="5374" width="9.140625" style="264" customWidth="1"/>
    <col min="5375" max="5375" width="7.42578125" style="264" customWidth="1"/>
    <col min="5376" max="5377" width="9.140625" style="264" customWidth="1"/>
    <col min="5378" max="5378" width="7.42578125" style="264" customWidth="1"/>
    <col min="5379" max="5379" width="9.140625" style="264" customWidth="1"/>
    <col min="5380" max="5380" width="7.85546875" style="264" customWidth="1"/>
    <col min="5381" max="5382" width="9.140625" style="264" customWidth="1"/>
    <col min="5383" max="5383" width="7.7109375" style="264" customWidth="1"/>
    <col min="5384" max="5384" width="9.140625" style="264" customWidth="1"/>
    <col min="5385" max="5385" width="7.5703125" style="264" customWidth="1"/>
    <col min="5386" max="5386" width="9.140625" style="264" customWidth="1"/>
    <col min="5387" max="5388" width="7.7109375" style="264" customWidth="1"/>
    <col min="5389" max="5389" width="8" style="264" customWidth="1"/>
    <col min="5390" max="5621" width="9.140625" style="264"/>
    <col min="5622" max="5622" width="32" style="264" customWidth="1"/>
    <col min="5623" max="5623" width="9.140625" style="264"/>
    <col min="5624" max="5624" width="9.140625" style="264" customWidth="1"/>
    <col min="5625" max="5625" width="9.140625" style="264"/>
    <col min="5626" max="5626" width="9.140625" style="264" customWidth="1"/>
    <col min="5627" max="5627" width="7" style="264" customWidth="1"/>
    <col min="5628" max="5628" width="9.140625" style="264" customWidth="1"/>
    <col min="5629" max="5629" width="7.42578125" style="264" customWidth="1"/>
    <col min="5630" max="5630" width="9.140625" style="264" customWidth="1"/>
    <col min="5631" max="5631" width="7.42578125" style="264" customWidth="1"/>
    <col min="5632" max="5633" width="9.140625" style="264" customWidth="1"/>
    <col min="5634" max="5634" width="7.42578125" style="264" customWidth="1"/>
    <col min="5635" max="5635" width="9.140625" style="264" customWidth="1"/>
    <col min="5636" max="5636" width="7.85546875" style="264" customWidth="1"/>
    <col min="5637" max="5638" width="9.140625" style="264" customWidth="1"/>
    <col min="5639" max="5639" width="7.7109375" style="264" customWidth="1"/>
    <col min="5640" max="5640" width="9.140625" style="264" customWidth="1"/>
    <col min="5641" max="5641" width="7.5703125" style="264" customWidth="1"/>
    <col min="5642" max="5642" width="9.140625" style="264" customWidth="1"/>
    <col min="5643" max="5644" width="7.7109375" style="264" customWidth="1"/>
    <col min="5645" max="5645" width="8" style="264" customWidth="1"/>
    <col min="5646" max="5877" width="9.140625" style="264"/>
    <col min="5878" max="5878" width="32" style="264" customWidth="1"/>
    <col min="5879" max="5879" width="9.140625" style="264"/>
    <col min="5880" max="5880" width="9.140625" style="264" customWidth="1"/>
    <col min="5881" max="5881" width="9.140625" style="264"/>
    <col min="5882" max="5882" width="9.140625" style="264" customWidth="1"/>
    <col min="5883" max="5883" width="7" style="264" customWidth="1"/>
    <col min="5884" max="5884" width="9.140625" style="264" customWidth="1"/>
    <col min="5885" max="5885" width="7.42578125" style="264" customWidth="1"/>
    <col min="5886" max="5886" width="9.140625" style="264" customWidth="1"/>
    <col min="5887" max="5887" width="7.42578125" style="264" customWidth="1"/>
    <col min="5888" max="5889" width="9.140625" style="264" customWidth="1"/>
    <col min="5890" max="5890" width="7.42578125" style="264" customWidth="1"/>
    <col min="5891" max="5891" width="9.140625" style="264" customWidth="1"/>
    <col min="5892" max="5892" width="7.85546875" style="264" customWidth="1"/>
    <col min="5893" max="5894" width="9.140625" style="264" customWidth="1"/>
    <col min="5895" max="5895" width="7.7109375" style="264" customWidth="1"/>
    <col min="5896" max="5896" width="9.140625" style="264" customWidth="1"/>
    <col min="5897" max="5897" width="7.5703125" style="264" customWidth="1"/>
    <col min="5898" max="5898" width="9.140625" style="264" customWidth="1"/>
    <col min="5899" max="5900" width="7.7109375" style="264" customWidth="1"/>
    <col min="5901" max="5901" width="8" style="264" customWidth="1"/>
    <col min="5902" max="6133" width="9.140625" style="264"/>
    <col min="6134" max="6134" width="32" style="264" customWidth="1"/>
    <col min="6135" max="6135" width="9.140625" style="264"/>
    <col min="6136" max="6136" width="9.140625" style="264" customWidth="1"/>
    <col min="6137" max="6137" width="9.140625" style="264"/>
    <col min="6138" max="6138" width="9.140625" style="264" customWidth="1"/>
    <col min="6139" max="6139" width="7" style="264" customWidth="1"/>
    <col min="6140" max="6140" width="9.140625" style="264" customWidth="1"/>
    <col min="6141" max="6141" width="7.42578125" style="264" customWidth="1"/>
    <col min="6142" max="6142" width="9.140625" style="264" customWidth="1"/>
    <col min="6143" max="6143" width="7.42578125" style="264" customWidth="1"/>
    <col min="6144" max="6145" width="9.140625" style="264" customWidth="1"/>
    <col min="6146" max="6146" width="7.42578125" style="264" customWidth="1"/>
    <col min="6147" max="6147" width="9.140625" style="264" customWidth="1"/>
    <col min="6148" max="6148" width="7.85546875" style="264" customWidth="1"/>
    <col min="6149" max="6150" width="9.140625" style="264" customWidth="1"/>
    <col min="6151" max="6151" width="7.7109375" style="264" customWidth="1"/>
    <col min="6152" max="6152" width="9.140625" style="264" customWidth="1"/>
    <col min="6153" max="6153" width="7.5703125" style="264" customWidth="1"/>
    <col min="6154" max="6154" width="9.140625" style="264" customWidth="1"/>
    <col min="6155" max="6156" width="7.7109375" style="264" customWidth="1"/>
    <col min="6157" max="6157" width="8" style="264" customWidth="1"/>
    <col min="6158" max="6389" width="9.140625" style="264"/>
    <col min="6390" max="6390" width="32" style="264" customWidth="1"/>
    <col min="6391" max="6391" width="9.140625" style="264"/>
    <col min="6392" max="6392" width="9.140625" style="264" customWidth="1"/>
    <col min="6393" max="6393" width="9.140625" style="264"/>
    <col min="6394" max="6394" width="9.140625" style="264" customWidth="1"/>
    <col min="6395" max="6395" width="7" style="264" customWidth="1"/>
    <col min="6396" max="6396" width="9.140625" style="264" customWidth="1"/>
    <col min="6397" max="6397" width="7.42578125" style="264" customWidth="1"/>
    <col min="6398" max="6398" width="9.140625" style="264" customWidth="1"/>
    <col min="6399" max="6399" width="7.42578125" style="264" customWidth="1"/>
    <col min="6400" max="6401" width="9.140625" style="264" customWidth="1"/>
    <col min="6402" max="6402" width="7.42578125" style="264" customWidth="1"/>
    <col min="6403" max="6403" width="9.140625" style="264" customWidth="1"/>
    <col min="6404" max="6404" width="7.85546875" style="264" customWidth="1"/>
    <col min="6405" max="6406" width="9.140625" style="264" customWidth="1"/>
    <col min="6407" max="6407" width="7.7109375" style="264" customWidth="1"/>
    <col min="6408" max="6408" width="9.140625" style="264" customWidth="1"/>
    <col min="6409" max="6409" width="7.5703125" style="264" customWidth="1"/>
    <col min="6410" max="6410" width="9.140625" style="264" customWidth="1"/>
    <col min="6411" max="6412" width="7.7109375" style="264" customWidth="1"/>
    <col min="6413" max="6413" width="8" style="264" customWidth="1"/>
    <col min="6414" max="6645" width="9.140625" style="264"/>
    <col min="6646" max="6646" width="32" style="264" customWidth="1"/>
    <col min="6647" max="6647" width="9.140625" style="264"/>
    <col min="6648" max="6648" width="9.140625" style="264" customWidth="1"/>
    <col min="6649" max="6649" width="9.140625" style="264"/>
    <col min="6650" max="6650" width="9.140625" style="264" customWidth="1"/>
    <col min="6651" max="6651" width="7" style="264" customWidth="1"/>
    <col min="6652" max="6652" width="9.140625" style="264" customWidth="1"/>
    <col min="6653" max="6653" width="7.42578125" style="264" customWidth="1"/>
    <col min="6654" max="6654" width="9.140625" style="264" customWidth="1"/>
    <col min="6655" max="6655" width="7.42578125" style="264" customWidth="1"/>
    <col min="6656" max="6657" width="9.140625" style="264" customWidth="1"/>
    <col min="6658" max="6658" width="7.42578125" style="264" customWidth="1"/>
    <col min="6659" max="6659" width="9.140625" style="264" customWidth="1"/>
    <col min="6660" max="6660" width="7.85546875" style="264" customWidth="1"/>
    <col min="6661" max="6662" width="9.140625" style="264" customWidth="1"/>
    <col min="6663" max="6663" width="7.7109375" style="264" customWidth="1"/>
    <col min="6664" max="6664" width="9.140625" style="264" customWidth="1"/>
    <col min="6665" max="6665" width="7.5703125" style="264" customWidth="1"/>
    <col min="6666" max="6666" width="9.140625" style="264" customWidth="1"/>
    <col min="6667" max="6668" width="7.7109375" style="264" customWidth="1"/>
    <col min="6669" max="6669" width="8" style="264" customWidth="1"/>
    <col min="6670" max="6901" width="9.140625" style="264"/>
    <col min="6902" max="6902" width="32" style="264" customWidth="1"/>
    <col min="6903" max="6903" width="9.140625" style="264"/>
    <col min="6904" max="6904" width="9.140625" style="264" customWidth="1"/>
    <col min="6905" max="6905" width="9.140625" style="264"/>
    <col min="6906" max="6906" width="9.140625" style="264" customWidth="1"/>
    <col min="6907" max="6907" width="7" style="264" customWidth="1"/>
    <col min="6908" max="6908" width="9.140625" style="264" customWidth="1"/>
    <col min="6909" max="6909" width="7.42578125" style="264" customWidth="1"/>
    <col min="6910" max="6910" width="9.140625" style="264" customWidth="1"/>
    <col min="6911" max="6911" width="7.42578125" style="264" customWidth="1"/>
    <col min="6912" max="6913" width="9.140625" style="264" customWidth="1"/>
    <col min="6914" max="6914" width="7.42578125" style="264" customWidth="1"/>
    <col min="6915" max="6915" width="9.140625" style="264" customWidth="1"/>
    <col min="6916" max="6916" width="7.85546875" style="264" customWidth="1"/>
    <col min="6917" max="6918" width="9.140625" style="264" customWidth="1"/>
    <col min="6919" max="6919" width="7.7109375" style="264" customWidth="1"/>
    <col min="6920" max="6920" width="9.140625" style="264" customWidth="1"/>
    <col min="6921" max="6921" width="7.5703125" style="264" customWidth="1"/>
    <col min="6922" max="6922" width="9.140625" style="264" customWidth="1"/>
    <col min="6923" max="6924" width="7.7109375" style="264" customWidth="1"/>
    <col min="6925" max="6925" width="8" style="264" customWidth="1"/>
    <col min="6926" max="7157" width="9.140625" style="264"/>
    <col min="7158" max="7158" width="32" style="264" customWidth="1"/>
    <col min="7159" max="7159" width="9.140625" style="264"/>
    <col min="7160" max="7160" width="9.140625" style="264" customWidth="1"/>
    <col min="7161" max="7161" width="9.140625" style="264"/>
    <col min="7162" max="7162" width="9.140625" style="264" customWidth="1"/>
    <col min="7163" max="7163" width="7" style="264" customWidth="1"/>
    <col min="7164" max="7164" width="9.140625" style="264" customWidth="1"/>
    <col min="7165" max="7165" width="7.42578125" style="264" customWidth="1"/>
    <col min="7166" max="7166" width="9.140625" style="264" customWidth="1"/>
    <col min="7167" max="7167" width="7.42578125" style="264" customWidth="1"/>
    <col min="7168" max="7169" width="9.140625" style="264" customWidth="1"/>
    <col min="7170" max="7170" width="7.42578125" style="264" customWidth="1"/>
    <col min="7171" max="7171" width="9.140625" style="264" customWidth="1"/>
    <col min="7172" max="7172" width="7.85546875" style="264" customWidth="1"/>
    <col min="7173" max="7174" width="9.140625" style="264" customWidth="1"/>
    <col min="7175" max="7175" width="7.7109375" style="264" customWidth="1"/>
    <col min="7176" max="7176" width="9.140625" style="264" customWidth="1"/>
    <col min="7177" max="7177" width="7.5703125" style="264" customWidth="1"/>
    <col min="7178" max="7178" width="9.140625" style="264" customWidth="1"/>
    <col min="7179" max="7180" width="7.7109375" style="264" customWidth="1"/>
    <col min="7181" max="7181" width="8" style="264" customWidth="1"/>
    <col min="7182" max="7413" width="9.140625" style="264"/>
    <col min="7414" max="7414" width="32" style="264" customWidth="1"/>
    <col min="7415" max="7415" width="9.140625" style="264"/>
    <col min="7416" max="7416" width="9.140625" style="264" customWidth="1"/>
    <col min="7417" max="7417" width="9.140625" style="264"/>
    <col min="7418" max="7418" width="9.140625" style="264" customWidth="1"/>
    <col min="7419" max="7419" width="7" style="264" customWidth="1"/>
    <col min="7420" max="7420" width="9.140625" style="264" customWidth="1"/>
    <col min="7421" max="7421" width="7.42578125" style="264" customWidth="1"/>
    <col min="7422" max="7422" width="9.140625" style="264" customWidth="1"/>
    <col min="7423" max="7423" width="7.42578125" style="264" customWidth="1"/>
    <col min="7424" max="7425" width="9.140625" style="264" customWidth="1"/>
    <col min="7426" max="7426" width="7.42578125" style="264" customWidth="1"/>
    <col min="7427" max="7427" width="9.140625" style="264" customWidth="1"/>
    <col min="7428" max="7428" width="7.85546875" style="264" customWidth="1"/>
    <col min="7429" max="7430" width="9.140625" style="264" customWidth="1"/>
    <col min="7431" max="7431" width="7.7109375" style="264" customWidth="1"/>
    <col min="7432" max="7432" width="9.140625" style="264" customWidth="1"/>
    <col min="7433" max="7433" width="7.5703125" style="264" customWidth="1"/>
    <col min="7434" max="7434" width="9.140625" style="264" customWidth="1"/>
    <col min="7435" max="7436" width="7.7109375" style="264" customWidth="1"/>
    <col min="7437" max="7437" width="8" style="264" customWidth="1"/>
    <col min="7438" max="7669" width="9.140625" style="264"/>
    <col min="7670" max="7670" width="32" style="264" customWidth="1"/>
    <col min="7671" max="7671" width="9.140625" style="264"/>
    <col min="7672" max="7672" width="9.140625" style="264" customWidth="1"/>
    <col min="7673" max="7673" width="9.140625" style="264"/>
    <col min="7674" max="7674" width="9.140625" style="264" customWidth="1"/>
    <col min="7675" max="7675" width="7" style="264" customWidth="1"/>
    <col min="7676" max="7676" width="9.140625" style="264" customWidth="1"/>
    <col min="7677" max="7677" width="7.42578125" style="264" customWidth="1"/>
    <col min="7678" max="7678" width="9.140625" style="264" customWidth="1"/>
    <col min="7679" max="7679" width="7.42578125" style="264" customWidth="1"/>
    <col min="7680" max="7681" width="9.140625" style="264" customWidth="1"/>
    <col min="7682" max="7682" width="7.42578125" style="264" customWidth="1"/>
    <col min="7683" max="7683" width="9.140625" style="264" customWidth="1"/>
    <col min="7684" max="7684" width="7.85546875" style="264" customWidth="1"/>
    <col min="7685" max="7686" width="9.140625" style="264" customWidth="1"/>
    <col min="7687" max="7687" width="7.7109375" style="264" customWidth="1"/>
    <col min="7688" max="7688" width="9.140625" style="264" customWidth="1"/>
    <col min="7689" max="7689" width="7.5703125" style="264" customWidth="1"/>
    <col min="7690" max="7690" width="9.140625" style="264" customWidth="1"/>
    <col min="7691" max="7692" width="7.7109375" style="264" customWidth="1"/>
    <col min="7693" max="7693" width="8" style="264" customWidth="1"/>
    <col min="7694" max="7925" width="9.140625" style="264"/>
    <col min="7926" max="7926" width="32" style="264" customWidth="1"/>
    <col min="7927" max="7927" width="9.140625" style="264"/>
    <col min="7928" max="7928" width="9.140625" style="264" customWidth="1"/>
    <col min="7929" max="7929" width="9.140625" style="264"/>
    <col min="7930" max="7930" width="9.140625" style="264" customWidth="1"/>
    <col min="7931" max="7931" width="7" style="264" customWidth="1"/>
    <col min="7932" max="7932" width="9.140625" style="264" customWidth="1"/>
    <col min="7933" max="7933" width="7.42578125" style="264" customWidth="1"/>
    <col min="7934" max="7934" width="9.140625" style="264" customWidth="1"/>
    <col min="7935" max="7935" width="7.42578125" style="264" customWidth="1"/>
    <col min="7936" max="7937" width="9.140625" style="264" customWidth="1"/>
    <col min="7938" max="7938" width="7.42578125" style="264" customWidth="1"/>
    <col min="7939" max="7939" width="9.140625" style="264" customWidth="1"/>
    <col min="7940" max="7940" width="7.85546875" style="264" customWidth="1"/>
    <col min="7941" max="7942" width="9.140625" style="264" customWidth="1"/>
    <col min="7943" max="7943" width="7.7109375" style="264" customWidth="1"/>
    <col min="7944" max="7944" width="9.140625" style="264" customWidth="1"/>
    <col min="7945" max="7945" width="7.5703125" style="264" customWidth="1"/>
    <col min="7946" max="7946" width="9.140625" style="264" customWidth="1"/>
    <col min="7947" max="7948" width="7.7109375" style="264" customWidth="1"/>
    <col min="7949" max="7949" width="8" style="264" customWidth="1"/>
    <col min="7950" max="8181" width="9.140625" style="264"/>
    <col min="8182" max="8182" width="32" style="264" customWidth="1"/>
    <col min="8183" max="8183" width="9.140625" style="264"/>
    <col min="8184" max="8184" width="9.140625" style="264" customWidth="1"/>
    <col min="8185" max="8185" width="9.140625" style="264"/>
    <col min="8186" max="8186" width="9.140625" style="264" customWidth="1"/>
    <col min="8187" max="8187" width="7" style="264" customWidth="1"/>
    <col min="8188" max="8188" width="9.140625" style="264" customWidth="1"/>
    <col min="8189" max="8189" width="7.42578125" style="264" customWidth="1"/>
    <col min="8190" max="8190" width="9.140625" style="264" customWidth="1"/>
    <col min="8191" max="8191" width="7.42578125" style="264" customWidth="1"/>
    <col min="8192" max="8193" width="9.140625" style="264" customWidth="1"/>
    <col min="8194" max="8194" width="7.42578125" style="264" customWidth="1"/>
    <col min="8195" max="8195" width="9.140625" style="264" customWidth="1"/>
    <col min="8196" max="8196" width="7.85546875" style="264" customWidth="1"/>
    <col min="8197" max="8198" width="9.140625" style="264" customWidth="1"/>
    <col min="8199" max="8199" width="7.7109375" style="264" customWidth="1"/>
    <col min="8200" max="8200" width="9.140625" style="264" customWidth="1"/>
    <col min="8201" max="8201" width="7.5703125" style="264" customWidth="1"/>
    <col min="8202" max="8202" width="9.140625" style="264" customWidth="1"/>
    <col min="8203" max="8204" width="7.7109375" style="264" customWidth="1"/>
    <col min="8205" max="8205" width="8" style="264" customWidth="1"/>
    <col min="8206" max="8437" width="9.140625" style="264"/>
    <col min="8438" max="8438" width="32" style="264" customWidth="1"/>
    <col min="8439" max="8439" width="9.140625" style="264"/>
    <col min="8440" max="8440" width="9.140625" style="264" customWidth="1"/>
    <col min="8441" max="8441" width="9.140625" style="264"/>
    <col min="8442" max="8442" width="9.140625" style="264" customWidth="1"/>
    <col min="8443" max="8443" width="7" style="264" customWidth="1"/>
    <col min="8444" max="8444" width="9.140625" style="264" customWidth="1"/>
    <col min="8445" max="8445" width="7.42578125" style="264" customWidth="1"/>
    <col min="8446" max="8446" width="9.140625" style="264" customWidth="1"/>
    <col min="8447" max="8447" width="7.42578125" style="264" customWidth="1"/>
    <col min="8448" max="8449" width="9.140625" style="264" customWidth="1"/>
    <col min="8450" max="8450" width="7.42578125" style="264" customWidth="1"/>
    <col min="8451" max="8451" width="9.140625" style="264" customWidth="1"/>
    <col min="8452" max="8452" width="7.85546875" style="264" customWidth="1"/>
    <col min="8453" max="8454" width="9.140625" style="264" customWidth="1"/>
    <col min="8455" max="8455" width="7.7109375" style="264" customWidth="1"/>
    <col min="8456" max="8456" width="9.140625" style="264" customWidth="1"/>
    <col min="8457" max="8457" width="7.5703125" style="264" customWidth="1"/>
    <col min="8458" max="8458" width="9.140625" style="264" customWidth="1"/>
    <col min="8459" max="8460" width="7.7109375" style="264" customWidth="1"/>
    <col min="8461" max="8461" width="8" style="264" customWidth="1"/>
    <col min="8462" max="8693" width="9.140625" style="264"/>
    <col min="8694" max="8694" width="32" style="264" customWidth="1"/>
    <col min="8695" max="8695" width="9.140625" style="264"/>
    <col min="8696" max="8696" width="9.140625" style="264" customWidth="1"/>
    <col min="8697" max="8697" width="9.140625" style="264"/>
    <col min="8698" max="8698" width="9.140625" style="264" customWidth="1"/>
    <col min="8699" max="8699" width="7" style="264" customWidth="1"/>
    <col min="8700" max="8700" width="9.140625" style="264" customWidth="1"/>
    <col min="8701" max="8701" width="7.42578125" style="264" customWidth="1"/>
    <col min="8702" max="8702" width="9.140625" style="264" customWidth="1"/>
    <col min="8703" max="8703" width="7.42578125" style="264" customWidth="1"/>
    <col min="8704" max="8705" width="9.140625" style="264" customWidth="1"/>
    <col min="8706" max="8706" width="7.42578125" style="264" customWidth="1"/>
    <col min="8707" max="8707" width="9.140625" style="264" customWidth="1"/>
    <col min="8708" max="8708" width="7.85546875" style="264" customWidth="1"/>
    <col min="8709" max="8710" width="9.140625" style="264" customWidth="1"/>
    <col min="8711" max="8711" width="7.7109375" style="264" customWidth="1"/>
    <col min="8712" max="8712" width="9.140625" style="264" customWidth="1"/>
    <col min="8713" max="8713" width="7.5703125" style="264" customWidth="1"/>
    <col min="8714" max="8714" width="9.140625" style="264" customWidth="1"/>
    <col min="8715" max="8716" width="7.7109375" style="264" customWidth="1"/>
    <col min="8717" max="8717" width="8" style="264" customWidth="1"/>
    <col min="8718" max="8949" width="9.140625" style="264"/>
    <col min="8950" max="8950" width="32" style="264" customWidth="1"/>
    <col min="8951" max="8951" width="9.140625" style="264"/>
    <col min="8952" max="8952" width="9.140625" style="264" customWidth="1"/>
    <col min="8953" max="8953" width="9.140625" style="264"/>
    <col min="8954" max="8954" width="9.140625" style="264" customWidth="1"/>
    <col min="8955" max="8955" width="7" style="264" customWidth="1"/>
    <col min="8956" max="8956" width="9.140625" style="264" customWidth="1"/>
    <col min="8957" max="8957" width="7.42578125" style="264" customWidth="1"/>
    <col min="8958" max="8958" width="9.140625" style="264" customWidth="1"/>
    <col min="8959" max="8959" width="7.42578125" style="264" customWidth="1"/>
    <col min="8960" max="8961" width="9.140625" style="264" customWidth="1"/>
    <col min="8962" max="8962" width="7.42578125" style="264" customWidth="1"/>
    <col min="8963" max="8963" width="9.140625" style="264" customWidth="1"/>
    <col min="8964" max="8964" width="7.85546875" style="264" customWidth="1"/>
    <col min="8965" max="8966" width="9.140625" style="264" customWidth="1"/>
    <col min="8967" max="8967" width="7.7109375" style="264" customWidth="1"/>
    <col min="8968" max="8968" width="9.140625" style="264" customWidth="1"/>
    <col min="8969" max="8969" width="7.5703125" style="264" customWidth="1"/>
    <col min="8970" max="8970" width="9.140625" style="264" customWidth="1"/>
    <col min="8971" max="8972" width="7.7109375" style="264" customWidth="1"/>
    <col min="8973" max="8973" width="8" style="264" customWidth="1"/>
    <col min="8974" max="9205" width="9.140625" style="264"/>
    <col min="9206" max="9206" width="32" style="264" customWidth="1"/>
    <col min="9207" max="9207" width="9.140625" style="264"/>
    <col min="9208" max="9208" width="9.140625" style="264" customWidth="1"/>
    <col min="9209" max="9209" width="9.140625" style="264"/>
    <col min="9210" max="9210" width="9.140625" style="264" customWidth="1"/>
    <col min="9211" max="9211" width="7" style="264" customWidth="1"/>
    <col min="9212" max="9212" width="9.140625" style="264" customWidth="1"/>
    <col min="9213" max="9213" width="7.42578125" style="264" customWidth="1"/>
    <col min="9214" max="9214" width="9.140625" style="264" customWidth="1"/>
    <col min="9215" max="9215" width="7.42578125" style="264" customWidth="1"/>
    <col min="9216" max="9217" width="9.140625" style="264" customWidth="1"/>
    <col min="9218" max="9218" width="7.42578125" style="264" customWidth="1"/>
    <col min="9219" max="9219" width="9.140625" style="264" customWidth="1"/>
    <col min="9220" max="9220" width="7.85546875" style="264" customWidth="1"/>
    <col min="9221" max="9222" width="9.140625" style="264" customWidth="1"/>
    <col min="9223" max="9223" width="7.7109375" style="264" customWidth="1"/>
    <col min="9224" max="9224" width="9.140625" style="264" customWidth="1"/>
    <col min="9225" max="9225" width="7.5703125" style="264" customWidth="1"/>
    <col min="9226" max="9226" width="9.140625" style="264" customWidth="1"/>
    <col min="9227" max="9228" width="7.7109375" style="264" customWidth="1"/>
    <col min="9229" max="9229" width="8" style="264" customWidth="1"/>
    <col min="9230" max="9461" width="9.140625" style="264"/>
    <col min="9462" max="9462" width="32" style="264" customWidth="1"/>
    <col min="9463" max="9463" width="9.140625" style="264"/>
    <col min="9464" max="9464" width="9.140625" style="264" customWidth="1"/>
    <col min="9465" max="9465" width="9.140625" style="264"/>
    <col min="9466" max="9466" width="9.140625" style="264" customWidth="1"/>
    <col min="9467" max="9467" width="7" style="264" customWidth="1"/>
    <col min="9468" max="9468" width="9.140625" style="264" customWidth="1"/>
    <col min="9469" max="9469" width="7.42578125" style="264" customWidth="1"/>
    <col min="9470" max="9470" width="9.140625" style="264" customWidth="1"/>
    <col min="9471" max="9471" width="7.42578125" style="264" customWidth="1"/>
    <col min="9472" max="9473" width="9.140625" style="264" customWidth="1"/>
    <col min="9474" max="9474" width="7.42578125" style="264" customWidth="1"/>
    <col min="9475" max="9475" width="9.140625" style="264" customWidth="1"/>
    <col min="9476" max="9476" width="7.85546875" style="264" customWidth="1"/>
    <col min="9477" max="9478" width="9.140625" style="264" customWidth="1"/>
    <col min="9479" max="9479" width="7.7109375" style="264" customWidth="1"/>
    <col min="9480" max="9480" width="9.140625" style="264" customWidth="1"/>
    <col min="9481" max="9481" width="7.5703125" style="264" customWidth="1"/>
    <col min="9482" max="9482" width="9.140625" style="264" customWidth="1"/>
    <col min="9483" max="9484" width="7.7109375" style="264" customWidth="1"/>
    <col min="9485" max="9485" width="8" style="264" customWidth="1"/>
    <col min="9486" max="9717" width="9.140625" style="264"/>
    <col min="9718" max="9718" width="32" style="264" customWidth="1"/>
    <col min="9719" max="9719" width="9.140625" style="264"/>
    <col min="9720" max="9720" width="9.140625" style="264" customWidth="1"/>
    <col min="9721" max="9721" width="9.140625" style="264"/>
    <col min="9722" max="9722" width="9.140625" style="264" customWidth="1"/>
    <col min="9723" max="9723" width="7" style="264" customWidth="1"/>
    <col min="9724" max="9724" width="9.140625" style="264" customWidth="1"/>
    <col min="9725" max="9725" width="7.42578125" style="264" customWidth="1"/>
    <col min="9726" max="9726" width="9.140625" style="264" customWidth="1"/>
    <col min="9727" max="9727" width="7.42578125" style="264" customWidth="1"/>
    <col min="9728" max="9729" width="9.140625" style="264" customWidth="1"/>
    <col min="9730" max="9730" width="7.42578125" style="264" customWidth="1"/>
    <col min="9731" max="9731" width="9.140625" style="264" customWidth="1"/>
    <col min="9732" max="9732" width="7.85546875" style="264" customWidth="1"/>
    <col min="9733" max="9734" width="9.140625" style="264" customWidth="1"/>
    <col min="9735" max="9735" width="7.7109375" style="264" customWidth="1"/>
    <col min="9736" max="9736" width="9.140625" style="264" customWidth="1"/>
    <col min="9737" max="9737" width="7.5703125" style="264" customWidth="1"/>
    <col min="9738" max="9738" width="9.140625" style="264" customWidth="1"/>
    <col min="9739" max="9740" width="7.7109375" style="264" customWidth="1"/>
    <col min="9741" max="9741" width="8" style="264" customWidth="1"/>
    <col min="9742" max="9973" width="9.140625" style="264"/>
    <col min="9974" max="9974" width="32" style="264" customWidth="1"/>
    <col min="9975" max="9975" width="9.140625" style="264"/>
    <col min="9976" max="9976" width="9.140625" style="264" customWidth="1"/>
    <col min="9977" max="9977" width="9.140625" style="264"/>
    <col min="9978" max="9978" width="9.140625" style="264" customWidth="1"/>
    <col min="9979" max="9979" width="7" style="264" customWidth="1"/>
    <col min="9980" max="9980" width="9.140625" style="264" customWidth="1"/>
    <col min="9981" max="9981" width="7.42578125" style="264" customWidth="1"/>
    <col min="9982" max="9982" width="9.140625" style="264" customWidth="1"/>
    <col min="9983" max="9983" width="7.42578125" style="264" customWidth="1"/>
    <col min="9984" max="9985" width="9.140625" style="264" customWidth="1"/>
    <col min="9986" max="9986" width="7.42578125" style="264" customWidth="1"/>
    <col min="9987" max="9987" width="9.140625" style="264" customWidth="1"/>
    <col min="9988" max="9988" width="7.85546875" style="264" customWidth="1"/>
    <col min="9989" max="9990" width="9.140625" style="264" customWidth="1"/>
    <col min="9991" max="9991" width="7.7109375" style="264" customWidth="1"/>
    <col min="9992" max="9992" width="9.140625" style="264" customWidth="1"/>
    <col min="9993" max="9993" width="7.5703125" style="264" customWidth="1"/>
    <col min="9994" max="9994" width="9.140625" style="264" customWidth="1"/>
    <col min="9995" max="9996" width="7.7109375" style="264" customWidth="1"/>
    <col min="9997" max="9997" width="8" style="264" customWidth="1"/>
    <col min="9998" max="10229" width="9.140625" style="264"/>
    <col min="10230" max="10230" width="32" style="264" customWidth="1"/>
    <col min="10231" max="10231" width="9.140625" style="264"/>
    <col min="10232" max="10232" width="9.140625" style="264" customWidth="1"/>
    <col min="10233" max="10233" width="9.140625" style="264"/>
    <col min="10234" max="10234" width="9.140625" style="264" customWidth="1"/>
    <col min="10235" max="10235" width="7" style="264" customWidth="1"/>
    <col min="10236" max="10236" width="9.140625" style="264" customWidth="1"/>
    <col min="10237" max="10237" width="7.42578125" style="264" customWidth="1"/>
    <col min="10238" max="10238" width="9.140625" style="264" customWidth="1"/>
    <col min="10239" max="10239" width="7.42578125" style="264" customWidth="1"/>
    <col min="10240" max="10241" width="9.140625" style="264" customWidth="1"/>
    <col min="10242" max="10242" width="7.42578125" style="264" customWidth="1"/>
    <col min="10243" max="10243" width="9.140625" style="264" customWidth="1"/>
    <col min="10244" max="10244" width="7.85546875" style="264" customWidth="1"/>
    <col min="10245" max="10246" width="9.140625" style="264" customWidth="1"/>
    <col min="10247" max="10247" width="7.7109375" style="264" customWidth="1"/>
    <col min="10248" max="10248" width="9.140625" style="264" customWidth="1"/>
    <col min="10249" max="10249" width="7.5703125" style="264" customWidth="1"/>
    <col min="10250" max="10250" width="9.140625" style="264" customWidth="1"/>
    <col min="10251" max="10252" width="7.7109375" style="264" customWidth="1"/>
    <col min="10253" max="10253" width="8" style="264" customWidth="1"/>
    <col min="10254" max="10485" width="9.140625" style="264"/>
    <col min="10486" max="10486" width="32" style="264" customWidth="1"/>
    <col min="10487" max="10487" width="9.140625" style="264"/>
    <col min="10488" max="10488" width="9.140625" style="264" customWidth="1"/>
    <col min="10489" max="10489" width="9.140625" style="264"/>
    <col min="10490" max="10490" width="9.140625" style="264" customWidth="1"/>
    <col min="10491" max="10491" width="7" style="264" customWidth="1"/>
    <col min="10492" max="10492" width="9.140625" style="264" customWidth="1"/>
    <col min="10493" max="10493" width="7.42578125" style="264" customWidth="1"/>
    <col min="10494" max="10494" width="9.140625" style="264" customWidth="1"/>
    <col min="10495" max="10495" width="7.42578125" style="264" customWidth="1"/>
    <col min="10496" max="10497" width="9.140625" style="264" customWidth="1"/>
    <col min="10498" max="10498" width="7.42578125" style="264" customWidth="1"/>
    <col min="10499" max="10499" width="9.140625" style="264" customWidth="1"/>
    <col min="10500" max="10500" width="7.85546875" style="264" customWidth="1"/>
    <col min="10501" max="10502" width="9.140625" style="264" customWidth="1"/>
    <col min="10503" max="10503" width="7.7109375" style="264" customWidth="1"/>
    <col min="10504" max="10504" width="9.140625" style="264" customWidth="1"/>
    <col min="10505" max="10505" width="7.5703125" style="264" customWidth="1"/>
    <col min="10506" max="10506" width="9.140625" style="264" customWidth="1"/>
    <col min="10507" max="10508" width="7.7109375" style="264" customWidth="1"/>
    <col min="10509" max="10509" width="8" style="264" customWidth="1"/>
    <col min="10510" max="10741" width="9.140625" style="264"/>
    <col min="10742" max="10742" width="32" style="264" customWidth="1"/>
    <col min="10743" max="10743" width="9.140625" style="264"/>
    <col min="10744" max="10744" width="9.140625" style="264" customWidth="1"/>
    <col min="10745" max="10745" width="9.140625" style="264"/>
    <col min="10746" max="10746" width="9.140625" style="264" customWidth="1"/>
    <col min="10747" max="10747" width="7" style="264" customWidth="1"/>
    <col min="10748" max="10748" width="9.140625" style="264" customWidth="1"/>
    <col min="10749" max="10749" width="7.42578125" style="264" customWidth="1"/>
    <col min="10750" max="10750" width="9.140625" style="264" customWidth="1"/>
    <col min="10751" max="10751" width="7.42578125" style="264" customWidth="1"/>
    <col min="10752" max="10753" width="9.140625" style="264" customWidth="1"/>
    <col min="10754" max="10754" width="7.42578125" style="264" customWidth="1"/>
    <col min="10755" max="10755" width="9.140625" style="264" customWidth="1"/>
    <col min="10756" max="10756" width="7.85546875" style="264" customWidth="1"/>
    <col min="10757" max="10758" width="9.140625" style="264" customWidth="1"/>
    <col min="10759" max="10759" width="7.7109375" style="264" customWidth="1"/>
    <col min="10760" max="10760" width="9.140625" style="264" customWidth="1"/>
    <col min="10761" max="10761" width="7.5703125" style="264" customWidth="1"/>
    <col min="10762" max="10762" width="9.140625" style="264" customWidth="1"/>
    <col min="10763" max="10764" width="7.7109375" style="264" customWidth="1"/>
    <col min="10765" max="10765" width="8" style="264" customWidth="1"/>
    <col min="10766" max="10997" width="9.140625" style="264"/>
    <col min="10998" max="10998" width="32" style="264" customWidth="1"/>
    <col min="10999" max="10999" width="9.140625" style="264"/>
    <col min="11000" max="11000" width="9.140625" style="264" customWidth="1"/>
    <col min="11001" max="11001" width="9.140625" style="264"/>
    <col min="11002" max="11002" width="9.140625" style="264" customWidth="1"/>
    <col min="11003" max="11003" width="7" style="264" customWidth="1"/>
    <col min="11004" max="11004" width="9.140625" style="264" customWidth="1"/>
    <col min="11005" max="11005" width="7.42578125" style="264" customWidth="1"/>
    <col min="11006" max="11006" width="9.140625" style="264" customWidth="1"/>
    <col min="11007" max="11007" width="7.42578125" style="264" customWidth="1"/>
    <col min="11008" max="11009" width="9.140625" style="264" customWidth="1"/>
    <col min="11010" max="11010" width="7.42578125" style="264" customWidth="1"/>
    <col min="11011" max="11011" width="9.140625" style="264" customWidth="1"/>
    <col min="11012" max="11012" width="7.85546875" style="264" customWidth="1"/>
    <col min="11013" max="11014" width="9.140625" style="264" customWidth="1"/>
    <col min="11015" max="11015" width="7.7109375" style="264" customWidth="1"/>
    <col min="11016" max="11016" width="9.140625" style="264" customWidth="1"/>
    <col min="11017" max="11017" width="7.5703125" style="264" customWidth="1"/>
    <col min="11018" max="11018" width="9.140625" style="264" customWidth="1"/>
    <col min="11019" max="11020" width="7.7109375" style="264" customWidth="1"/>
    <col min="11021" max="11021" width="8" style="264" customWidth="1"/>
    <col min="11022" max="11253" width="9.140625" style="264"/>
    <col min="11254" max="11254" width="32" style="264" customWidth="1"/>
    <col min="11255" max="11255" width="9.140625" style="264"/>
    <col min="11256" max="11256" width="9.140625" style="264" customWidth="1"/>
    <col min="11257" max="11257" width="9.140625" style="264"/>
    <col min="11258" max="11258" width="9.140625" style="264" customWidth="1"/>
    <col min="11259" max="11259" width="7" style="264" customWidth="1"/>
    <col min="11260" max="11260" width="9.140625" style="264" customWidth="1"/>
    <col min="11261" max="11261" width="7.42578125" style="264" customWidth="1"/>
    <col min="11262" max="11262" width="9.140625" style="264" customWidth="1"/>
    <col min="11263" max="11263" width="7.42578125" style="264" customWidth="1"/>
    <col min="11264" max="11265" width="9.140625" style="264" customWidth="1"/>
    <col min="11266" max="11266" width="7.42578125" style="264" customWidth="1"/>
    <col min="11267" max="11267" width="9.140625" style="264" customWidth="1"/>
    <col min="11268" max="11268" width="7.85546875" style="264" customWidth="1"/>
    <col min="11269" max="11270" width="9.140625" style="264" customWidth="1"/>
    <col min="11271" max="11271" width="7.7109375" style="264" customWidth="1"/>
    <col min="11272" max="11272" width="9.140625" style="264" customWidth="1"/>
    <col min="11273" max="11273" width="7.5703125" style="264" customWidth="1"/>
    <col min="11274" max="11274" width="9.140625" style="264" customWidth="1"/>
    <col min="11275" max="11276" width="7.7109375" style="264" customWidth="1"/>
    <col min="11277" max="11277" width="8" style="264" customWidth="1"/>
    <col min="11278" max="11509" width="9.140625" style="264"/>
    <col min="11510" max="11510" width="32" style="264" customWidth="1"/>
    <col min="11511" max="11511" width="9.140625" style="264"/>
    <col min="11512" max="11512" width="9.140625" style="264" customWidth="1"/>
    <col min="11513" max="11513" width="9.140625" style="264"/>
    <col min="11514" max="11514" width="9.140625" style="264" customWidth="1"/>
    <col min="11515" max="11515" width="7" style="264" customWidth="1"/>
    <col min="11516" max="11516" width="9.140625" style="264" customWidth="1"/>
    <col min="11517" max="11517" width="7.42578125" style="264" customWidth="1"/>
    <col min="11518" max="11518" width="9.140625" style="264" customWidth="1"/>
    <col min="11519" max="11519" width="7.42578125" style="264" customWidth="1"/>
    <col min="11520" max="11521" width="9.140625" style="264" customWidth="1"/>
    <col min="11522" max="11522" width="7.42578125" style="264" customWidth="1"/>
    <col min="11523" max="11523" width="9.140625" style="264" customWidth="1"/>
    <col min="11524" max="11524" width="7.85546875" style="264" customWidth="1"/>
    <col min="11525" max="11526" width="9.140625" style="264" customWidth="1"/>
    <col min="11527" max="11527" width="7.7109375" style="264" customWidth="1"/>
    <col min="11528" max="11528" width="9.140625" style="264" customWidth="1"/>
    <col min="11529" max="11529" width="7.5703125" style="264" customWidth="1"/>
    <col min="11530" max="11530" width="9.140625" style="264" customWidth="1"/>
    <col min="11531" max="11532" width="7.7109375" style="264" customWidth="1"/>
    <col min="11533" max="11533" width="8" style="264" customWidth="1"/>
    <col min="11534" max="11765" width="9.140625" style="264"/>
    <col min="11766" max="11766" width="32" style="264" customWidth="1"/>
    <col min="11767" max="11767" width="9.140625" style="264"/>
    <col min="11768" max="11768" width="9.140625" style="264" customWidth="1"/>
    <col min="11769" max="11769" width="9.140625" style="264"/>
    <col min="11770" max="11770" width="9.140625" style="264" customWidth="1"/>
    <col min="11771" max="11771" width="7" style="264" customWidth="1"/>
    <col min="11772" max="11772" width="9.140625" style="264" customWidth="1"/>
    <col min="11773" max="11773" width="7.42578125" style="264" customWidth="1"/>
    <col min="11774" max="11774" width="9.140625" style="264" customWidth="1"/>
    <col min="11775" max="11775" width="7.42578125" style="264" customWidth="1"/>
    <col min="11776" max="11777" width="9.140625" style="264" customWidth="1"/>
    <col min="11778" max="11778" width="7.42578125" style="264" customWidth="1"/>
    <col min="11779" max="11779" width="9.140625" style="264" customWidth="1"/>
    <col min="11780" max="11780" width="7.85546875" style="264" customWidth="1"/>
    <col min="11781" max="11782" width="9.140625" style="264" customWidth="1"/>
    <col min="11783" max="11783" width="7.7109375" style="264" customWidth="1"/>
    <col min="11784" max="11784" width="9.140625" style="264" customWidth="1"/>
    <col min="11785" max="11785" width="7.5703125" style="264" customWidth="1"/>
    <col min="11786" max="11786" width="9.140625" style="264" customWidth="1"/>
    <col min="11787" max="11788" width="7.7109375" style="264" customWidth="1"/>
    <col min="11789" max="11789" width="8" style="264" customWidth="1"/>
    <col min="11790" max="12021" width="9.140625" style="264"/>
    <col min="12022" max="12022" width="32" style="264" customWidth="1"/>
    <col min="12023" max="12023" width="9.140625" style="264"/>
    <col min="12024" max="12024" width="9.140625" style="264" customWidth="1"/>
    <col min="12025" max="12025" width="9.140625" style="264"/>
    <col min="12026" max="12026" width="9.140625" style="264" customWidth="1"/>
    <col min="12027" max="12027" width="7" style="264" customWidth="1"/>
    <col min="12028" max="12028" width="9.140625" style="264" customWidth="1"/>
    <col min="12029" max="12029" width="7.42578125" style="264" customWidth="1"/>
    <col min="12030" max="12030" width="9.140625" style="264" customWidth="1"/>
    <col min="12031" max="12031" width="7.42578125" style="264" customWidth="1"/>
    <col min="12032" max="12033" width="9.140625" style="264" customWidth="1"/>
    <col min="12034" max="12034" width="7.42578125" style="264" customWidth="1"/>
    <col min="12035" max="12035" width="9.140625" style="264" customWidth="1"/>
    <col min="12036" max="12036" width="7.85546875" style="264" customWidth="1"/>
    <col min="12037" max="12038" width="9.140625" style="264" customWidth="1"/>
    <col min="12039" max="12039" width="7.7109375" style="264" customWidth="1"/>
    <col min="12040" max="12040" width="9.140625" style="264" customWidth="1"/>
    <col min="12041" max="12041" width="7.5703125" style="264" customWidth="1"/>
    <col min="12042" max="12042" width="9.140625" style="264" customWidth="1"/>
    <col min="12043" max="12044" width="7.7109375" style="264" customWidth="1"/>
    <col min="12045" max="12045" width="8" style="264" customWidth="1"/>
    <col min="12046" max="12277" width="9.140625" style="264"/>
    <col min="12278" max="12278" width="32" style="264" customWidth="1"/>
    <col min="12279" max="12279" width="9.140625" style="264"/>
    <col min="12280" max="12280" width="9.140625" style="264" customWidth="1"/>
    <col min="12281" max="12281" width="9.140625" style="264"/>
    <col min="12282" max="12282" width="9.140625" style="264" customWidth="1"/>
    <col min="12283" max="12283" width="7" style="264" customWidth="1"/>
    <col min="12284" max="12284" width="9.140625" style="264" customWidth="1"/>
    <col min="12285" max="12285" width="7.42578125" style="264" customWidth="1"/>
    <col min="12286" max="12286" width="9.140625" style="264" customWidth="1"/>
    <col min="12287" max="12287" width="7.42578125" style="264" customWidth="1"/>
    <col min="12288" max="12289" width="9.140625" style="264" customWidth="1"/>
    <col min="12290" max="12290" width="7.42578125" style="264" customWidth="1"/>
    <col min="12291" max="12291" width="9.140625" style="264" customWidth="1"/>
    <col min="12292" max="12292" width="7.85546875" style="264" customWidth="1"/>
    <col min="12293" max="12294" width="9.140625" style="264" customWidth="1"/>
    <col min="12295" max="12295" width="7.7109375" style="264" customWidth="1"/>
    <col min="12296" max="12296" width="9.140625" style="264" customWidth="1"/>
    <col min="12297" max="12297" width="7.5703125" style="264" customWidth="1"/>
    <col min="12298" max="12298" width="9.140625" style="264" customWidth="1"/>
    <col min="12299" max="12300" width="7.7109375" style="264" customWidth="1"/>
    <col min="12301" max="12301" width="8" style="264" customWidth="1"/>
    <col min="12302" max="12533" width="9.140625" style="264"/>
    <col min="12534" max="12534" width="32" style="264" customWidth="1"/>
    <col min="12535" max="12535" width="9.140625" style="264"/>
    <col min="12536" max="12536" width="9.140625" style="264" customWidth="1"/>
    <col min="12537" max="12537" width="9.140625" style="264"/>
    <col min="12538" max="12538" width="9.140625" style="264" customWidth="1"/>
    <col min="12539" max="12539" width="7" style="264" customWidth="1"/>
    <col min="12540" max="12540" width="9.140625" style="264" customWidth="1"/>
    <col min="12541" max="12541" width="7.42578125" style="264" customWidth="1"/>
    <col min="12542" max="12542" width="9.140625" style="264" customWidth="1"/>
    <col min="12543" max="12543" width="7.42578125" style="264" customWidth="1"/>
    <col min="12544" max="12545" width="9.140625" style="264" customWidth="1"/>
    <col min="12546" max="12546" width="7.42578125" style="264" customWidth="1"/>
    <col min="12547" max="12547" width="9.140625" style="264" customWidth="1"/>
    <col min="12548" max="12548" width="7.85546875" style="264" customWidth="1"/>
    <col min="12549" max="12550" width="9.140625" style="264" customWidth="1"/>
    <col min="12551" max="12551" width="7.7109375" style="264" customWidth="1"/>
    <col min="12552" max="12552" width="9.140625" style="264" customWidth="1"/>
    <col min="12553" max="12553" width="7.5703125" style="264" customWidth="1"/>
    <col min="12554" max="12554" width="9.140625" style="264" customWidth="1"/>
    <col min="12555" max="12556" width="7.7109375" style="264" customWidth="1"/>
    <col min="12557" max="12557" width="8" style="264" customWidth="1"/>
    <col min="12558" max="12789" width="9.140625" style="264"/>
    <col min="12790" max="12790" width="32" style="264" customWidth="1"/>
    <col min="12791" max="12791" width="9.140625" style="264"/>
    <col min="12792" max="12792" width="9.140625" style="264" customWidth="1"/>
    <col min="12793" max="12793" width="9.140625" style="264"/>
    <col min="12794" max="12794" width="9.140625" style="264" customWidth="1"/>
    <col min="12795" max="12795" width="7" style="264" customWidth="1"/>
    <col min="12796" max="12796" width="9.140625" style="264" customWidth="1"/>
    <col min="12797" max="12797" width="7.42578125" style="264" customWidth="1"/>
    <col min="12798" max="12798" width="9.140625" style="264" customWidth="1"/>
    <col min="12799" max="12799" width="7.42578125" style="264" customWidth="1"/>
    <col min="12800" max="12801" width="9.140625" style="264" customWidth="1"/>
    <col min="12802" max="12802" width="7.42578125" style="264" customWidth="1"/>
    <col min="12803" max="12803" width="9.140625" style="264" customWidth="1"/>
    <col min="12804" max="12804" width="7.85546875" style="264" customWidth="1"/>
    <col min="12805" max="12806" width="9.140625" style="264" customWidth="1"/>
    <col min="12807" max="12807" width="7.7109375" style="264" customWidth="1"/>
    <col min="12808" max="12808" width="9.140625" style="264" customWidth="1"/>
    <col min="12809" max="12809" width="7.5703125" style="264" customWidth="1"/>
    <col min="12810" max="12810" width="9.140625" style="264" customWidth="1"/>
    <col min="12811" max="12812" width="7.7109375" style="264" customWidth="1"/>
    <col min="12813" max="12813" width="8" style="264" customWidth="1"/>
    <col min="12814" max="13045" width="9.140625" style="264"/>
    <col min="13046" max="13046" width="32" style="264" customWidth="1"/>
    <col min="13047" max="13047" width="9.140625" style="264"/>
    <col min="13048" max="13048" width="9.140625" style="264" customWidth="1"/>
    <col min="13049" max="13049" width="9.140625" style="264"/>
    <col min="13050" max="13050" width="9.140625" style="264" customWidth="1"/>
    <col min="13051" max="13051" width="7" style="264" customWidth="1"/>
    <col min="13052" max="13052" width="9.140625" style="264" customWidth="1"/>
    <col min="13053" max="13053" width="7.42578125" style="264" customWidth="1"/>
    <col min="13054" max="13054" width="9.140625" style="264" customWidth="1"/>
    <col min="13055" max="13055" width="7.42578125" style="264" customWidth="1"/>
    <col min="13056" max="13057" width="9.140625" style="264" customWidth="1"/>
    <col min="13058" max="13058" width="7.42578125" style="264" customWidth="1"/>
    <col min="13059" max="13059" width="9.140625" style="264" customWidth="1"/>
    <col min="13060" max="13060" width="7.85546875" style="264" customWidth="1"/>
    <col min="13061" max="13062" width="9.140625" style="264" customWidth="1"/>
    <col min="13063" max="13063" width="7.7109375" style="264" customWidth="1"/>
    <col min="13064" max="13064" width="9.140625" style="264" customWidth="1"/>
    <col min="13065" max="13065" width="7.5703125" style="264" customWidth="1"/>
    <col min="13066" max="13066" width="9.140625" style="264" customWidth="1"/>
    <col min="13067" max="13068" width="7.7109375" style="264" customWidth="1"/>
    <col min="13069" max="13069" width="8" style="264" customWidth="1"/>
    <col min="13070" max="13301" width="9.140625" style="264"/>
    <col min="13302" max="13302" width="32" style="264" customWidth="1"/>
    <col min="13303" max="13303" width="9.140625" style="264"/>
    <col min="13304" max="13304" width="9.140625" style="264" customWidth="1"/>
    <col min="13305" max="13305" width="9.140625" style="264"/>
    <col min="13306" max="13306" width="9.140625" style="264" customWidth="1"/>
    <col min="13307" max="13307" width="7" style="264" customWidth="1"/>
    <col min="13308" max="13308" width="9.140625" style="264" customWidth="1"/>
    <col min="13309" max="13309" width="7.42578125" style="264" customWidth="1"/>
    <col min="13310" max="13310" width="9.140625" style="264" customWidth="1"/>
    <col min="13311" max="13311" width="7.42578125" style="264" customWidth="1"/>
    <col min="13312" max="13313" width="9.140625" style="264" customWidth="1"/>
    <col min="13314" max="13314" width="7.42578125" style="264" customWidth="1"/>
    <col min="13315" max="13315" width="9.140625" style="264" customWidth="1"/>
    <col min="13316" max="13316" width="7.85546875" style="264" customWidth="1"/>
    <col min="13317" max="13318" width="9.140625" style="264" customWidth="1"/>
    <col min="13319" max="13319" width="7.7109375" style="264" customWidth="1"/>
    <col min="13320" max="13320" width="9.140625" style="264" customWidth="1"/>
    <col min="13321" max="13321" width="7.5703125" style="264" customWidth="1"/>
    <col min="13322" max="13322" width="9.140625" style="264" customWidth="1"/>
    <col min="13323" max="13324" width="7.7109375" style="264" customWidth="1"/>
    <col min="13325" max="13325" width="8" style="264" customWidth="1"/>
    <col min="13326" max="13557" width="9.140625" style="264"/>
    <col min="13558" max="13558" width="32" style="264" customWidth="1"/>
    <col min="13559" max="13559" width="9.140625" style="264"/>
    <col min="13560" max="13560" width="9.140625" style="264" customWidth="1"/>
    <col min="13561" max="13561" width="9.140625" style="264"/>
    <col min="13562" max="13562" width="9.140625" style="264" customWidth="1"/>
    <col min="13563" max="13563" width="7" style="264" customWidth="1"/>
    <col min="13564" max="13564" width="9.140625" style="264" customWidth="1"/>
    <col min="13565" max="13565" width="7.42578125" style="264" customWidth="1"/>
    <col min="13566" max="13566" width="9.140625" style="264" customWidth="1"/>
    <col min="13567" max="13567" width="7.42578125" style="264" customWidth="1"/>
    <col min="13568" max="13569" width="9.140625" style="264" customWidth="1"/>
    <col min="13570" max="13570" width="7.42578125" style="264" customWidth="1"/>
    <col min="13571" max="13571" width="9.140625" style="264" customWidth="1"/>
    <col min="13572" max="13572" width="7.85546875" style="264" customWidth="1"/>
    <col min="13573" max="13574" width="9.140625" style="264" customWidth="1"/>
    <col min="13575" max="13575" width="7.7109375" style="264" customWidth="1"/>
    <col min="13576" max="13576" width="9.140625" style="264" customWidth="1"/>
    <col min="13577" max="13577" width="7.5703125" style="264" customWidth="1"/>
    <col min="13578" max="13578" width="9.140625" style="264" customWidth="1"/>
    <col min="13579" max="13580" width="7.7109375" style="264" customWidth="1"/>
    <col min="13581" max="13581" width="8" style="264" customWidth="1"/>
    <col min="13582" max="13813" width="9.140625" style="264"/>
    <col min="13814" max="13814" width="32" style="264" customWidth="1"/>
    <col min="13815" max="13815" width="9.140625" style="264"/>
    <col min="13816" max="13816" width="9.140625" style="264" customWidth="1"/>
    <col min="13817" max="13817" width="9.140625" style="264"/>
    <col min="13818" max="13818" width="9.140625" style="264" customWidth="1"/>
    <col min="13819" max="13819" width="7" style="264" customWidth="1"/>
    <col min="13820" max="13820" width="9.140625" style="264" customWidth="1"/>
    <col min="13821" max="13821" width="7.42578125" style="264" customWidth="1"/>
    <col min="13822" max="13822" width="9.140625" style="264" customWidth="1"/>
    <col min="13823" max="13823" width="7.42578125" style="264" customWidth="1"/>
    <col min="13824" max="13825" width="9.140625" style="264" customWidth="1"/>
    <col min="13826" max="13826" width="7.42578125" style="264" customWidth="1"/>
    <col min="13827" max="13827" width="9.140625" style="264" customWidth="1"/>
    <col min="13828" max="13828" width="7.85546875" style="264" customWidth="1"/>
    <col min="13829" max="13830" width="9.140625" style="264" customWidth="1"/>
    <col min="13831" max="13831" width="7.7109375" style="264" customWidth="1"/>
    <col min="13832" max="13832" width="9.140625" style="264" customWidth="1"/>
    <col min="13833" max="13833" width="7.5703125" style="264" customWidth="1"/>
    <col min="13834" max="13834" width="9.140625" style="264" customWidth="1"/>
    <col min="13835" max="13836" width="7.7109375" style="264" customWidth="1"/>
    <col min="13837" max="13837" width="8" style="264" customWidth="1"/>
    <col min="13838" max="14069" width="9.140625" style="264"/>
    <col min="14070" max="14070" width="32" style="264" customWidth="1"/>
    <col min="14071" max="14071" width="9.140625" style="264"/>
    <col min="14072" max="14072" width="9.140625" style="264" customWidth="1"/>
    <col min="14073" max="14073" width="9.140625" style="264"/>
    <col min="14074" max="14074" width="9.140625" style="264" customWidth="1"/>
    <col min="14075" max="14075" width="7" style="264" customWidth="1"/>
    <col min="14076" max="14076" width="9.140625" style="264" customWidth="1"/>
    <col min="14077" max="14077" width="7.42578125" style="264" customWidth="1"/>
    <col min="14078" max="14078" width="9.140625" style="264" customWidth="1"/>
    <col min="14079" max="14079" width="7.42578125" style="264" customWidth="1"/>
    <col min="14080" max="14081" width="9.140625" style="264" customWidth="1"/>
    <col min="14082" max="14082" width="7.42578125" style="264" customWidth="1"/>
    <col min="14083" max="14083" width="9.140625" style="264" customWidth="1"/>
    <col min="14084" max="14084" width="7.85546875" style="264" customWidth="1"/>
    <col min="14085" max="14086" width="9.140625" style="264" customWidth="1"/>
    <col min="14087" max="14087" width="7.7109375" style="264" customWidth="1"/>
    <col min="14088" max="14088" width="9.140625" style="264" customWidth="1"/>
    <col min="14089" max="14089" width="7.5703125" style="264" customWidth="1"/>
    <col min="14090" max="14090" width="9.140625" style="264" customWidth="1"/>
    <col min="14091" max="14092" width="7.7109375" style="264" customWidth="1"/>
    <col min="14093" max="14093" width="8" style="264" customWidth="1"/>
    <col min="14094" max="14325" width="9.140625" style="264"/>
    <col min="14326" max="14326" width="32" style="264" customWidth="1"/>
    <col min="14327" max="14327" width="9.140625" style="264"/>
    <col min="14328" max="14328" width="9.140625" style="264" customWidth="1"/>
    <col min="14329" max="14329" width="9.140625" style="264"/>
    <col min="14330" max="14330" width="9.140625" style="264" customWidth="1"/>
    <col min="14331" max="14331" width="7" style="264" customWidth="1"/>
    <col min="14332" max="14332" width="9.140625" style="264" customWidth="1"/>
    <col min="14333" max="14333" width="7.42578125" style="264" customWidth="1"/>
    <col min="14334" max="14334" width="9.140625" style="264" customWidth="1"/>
    <col min="14335" max="14335" width="7.42578125" style="264" customWidth="1"/>
    <col min="14336" max="14337" width="9.140625" style="264" customWidth="1"/>
    <col min="14338" max="14338" width="7.42578125" style="264" customWidth="1"/>
    <col min="14339" max="14339" width="9.140625" style="264" customWidth="1"/>
    <col min="14340" max="14340" width="7.85546875" style="264" customWidth="1"/>
    <col min="14341" max="14342" width="9.140625" style="264" customWidth="1"/>
    <col min="14343" max="14343" width="7.7109375" style="264" customWidth="1"/>
    <col min="14344" max="14344" width="9.140625" style="264" customWidth="1"/>
    <col min="14345" max="14345" width="7.5703125" style="264" customWidth="1"/>
    <col min="14346" max="14346" width="9.140625" style="264" customWidth="1"/>
    <col min="14347" max="14348" width="7.7109375" style="264" customWidth="1"/>
    <col min="14349" max="14349" width="8" style="264" customWidth="1"/>
    <col min="14350" max="14581" width="9.140625" style="264"/>
    <col min="14582" max="14582" width="32" style="264" customWidth="1"/>
    <col min="14583" max="14583" width="9.140625" style="264"/>
    <col min="14584" max="14584" width="9.140625" style="264" customWidth="1"/>
    <col min="14585" max="14585" width="9.140625" style="264"/>
    <col min="14586" max="14586" width="9.140625" style="264" customWidth="1"/>
    <col min="14587" max="14587" width="7" style="264" customWidth="1"/>
    <col min="14588" max="14588" width="9.140625" style="264" customWidth="1"/>
    <col min="14589" max="14589" width="7.42578125" style="264" customWidth="1"/>
    <col min="14590" max="14590" width="9.140625" style="264" customWidth="1"/>
    <col min="14591" max="14591" width="7.42578125" style="264" customWidth="1"/>
    <col min="14592" max="14593" width="9.140625" style="264" customWidth="1"/>
    <col min="14594" max="14594" width="7.42578125" style="264" customWidth="1"/>
    <col min="14595" max="14595" width="9.140625" style="264" customWidth="1"/>
    <col min="14596" max="14596" width="7.85546875" style="264" customWidth="1"/>
    <col min="14597" max="14598" width="9.140625" style="264" customWidth="1"/>
    <col min="14599" max="14599" width="7.7109375" style="264" customWidth="1"/>
    <col min="14600" max="14600" width="9.140625" style="264" customWidth="1"/>
    <col min="14601" max="14601" width="7.5703125" style="264" customWidth="1"/>
    <col min="14602" max="14602" width="9.140625" style="264" customWidth="1"/>
    <col min="14603" max="14604" width="7.7109375" style="264" customWidth="1"/>
    <col min="14605" max="14605" width="8" style="264" customWidth="1"/>
    <col min="14606" max="14837" width="9.140625" style="264"/>
    <col min="14838" max="14838" width="32" style="264" customWidth="1"/>
    <col min="14839" max="14839" width="9.140625" style="264"/>
    <col min="14840" max="14840" width="9.140625" style="264" customWidth="1"/>
    <col min="14841" max="14841" width="9.140625" style="264"/>
    <col min="14842" max="14842" width="9.140625" style="264" customWidth="1"/>
    <col min="14843" max="14843" width="7" style="264" customWidth="1"/>
    <col min="14844" max="14844" width="9.140625" style="264" customWidth="1"/>
    <col min="14845" max="14845" width="7.42578125" style="264" customWidth="1"/>
    <col min="14846" max="14846" width="9.140625" style="264" customWidth="1"/>
    <col min="14847" max="14847" width="7.42578125" style="264" customWidth="1"/>
    <col min="14848" max="14849" width="9.140625" style="264" customWidth="1"/>
    <col min="14850" max="14850" width="7.42578125" style="264" customWidth="1"/>
    <col min="14851" max="14851" width="9.140625" style="264" customWidth="1"/>
    <col min="14852" max="14852" width="7.85546875" style="264" customWidth="1"/>
    <col min="14853" max="14854" width="9.140625" style="264" customWidth="1"/>
    <col min="14855" max="14855" width="7.7109375" style="264" customWidth="1"/>
    <col min="14856" max="14856" width="9.140625" style="264" customWidth="1"/>
    <col min="14857" max="14857" width="7.5703125" style="264" customWidth="1"/>
    <col min="14858" max="14858" width="9.140625" style="264" customWidth="1"/>
    <col min="14859" max="14860" width="7.7109375" style="264" customWidth="1"/>
    <col min="14861" max="14861" width="8" style="264" customWidth="1"/>
    <col min="14862" max="15093" width="9.140625" style="264"/>
    <col min="15094" max="15094" width="32" style="264" customWidth="1"/>
    <col min="15095" max="15095" width="9.140625" style="264"/>
    <col min="15096" max="15096" width="9.140625" style="264" customWidth="1"/>
    <col min="15097" max="15097" width="9.140625" style="264"/>
    <col min="15098" max="15098" width="9.140625" style="264" customWidth="1"/>
    <col min="15099" max="15099" width="7" style="264" customWidth="1"/>
    <col min="15100" max="15100" width="9.140625" style="264" customWidth="1"/>
    <col min="15101" max="15101" width="7.42578125" style="264" customWidth="1"/>
    <col min="15102" max="15102" width="9.140625" style="264" customWidth="1"/>
    <col min="15103" max="15103" width="7.42578125" style="264" customWidth="1"/>
    <col min="15104" max="15105" width="9.140625" style="264" customWidth="1"/>
    <col min="15106" max="15106" width="7.42578125" style="264" customWidth="1"/>
    <col min="15107" max="15107" width="9.140625" style="264" customWidth="1"/>
    <col min="15108" max="15108" width="7.85546875" style="264" customWidth="1"/>
    <col min="15109" max="15110" width="9.140625" style="264" customWidth="1"/>
    <col min="15111" max="15111" width="7.7109375" style="264" customWidth="1"/>
    <col min="15112" max="15112" width="9.140625" style="264" customWidth="1"/>
    <col min="15113" max="15113" width="7.5703125" style="264" customWidth="1"/>
    <col min="15114" max="15114" width="9.140625" style="264" customWidth="1"/>
    <col min="15115" max="15116" width="7.7109375" style="264" customWidth="1"/>
    <col min="15117" max="15117" width="8" style="264" customWidth="1"/>
    <col min="15118" max="15349" width="9.140625" style="264"/>
    <col min="15350" max="15350" width="32" style="264" customWidth="1"/>
    <col min="15351" max="15351" width="9.140625" style="264"/>
    <col min="15352" max="15352" width="9.140625" style="264" customWidth="1"/>
    <col min="15353" max="15353" width="9.140625" style="264"/>
    <col min="15354" max="15354" width="9.140625" style="264" customWidth="1"/>
    <col min="15355" max="15355" width="7" style="264" customWidth="1"/>
    <col min="15356" max="15356" width="9.140625" style="264" customWidth="1"/>
    <col min="15357" max="15357" width="7.42578125" style="264" customWidth="1"/>
    <col min="15358" max="15358" width="9.140625" style="264" customWidth="1"/>
    <col min="15359" max="15359" width="7.42578125" style="264" customWidth="1"/>
    <col min="15360" max="15361" width="9.140625" style="264" customWidth="1"/>
    <col min="15362" max="15362" width="7.42578125" style="264" customWidth="1"/>
    <col min="15363" max="15363" width="9.140625" style="264" customWidth="1"/>
    <col min="15364" max="15364" width="7.85546875" style="264" customWidth="1"/>
    <col min="15365" max="15366" width="9.140625" style="264" customWidth="1"/>
    <col min="15367" max="15367" width="7.7109375" style="264" customWidth="1"/>
    <col min="15368" max="15368" width="9.140625" style="264" customWidth="1"/>
    <col min="15369" max="15369" width="7.5703125" style="264" customWidth="1"/>
    <col min="15370" max="15370" width="9.140625" style="264" customWidth="1"/>
    <col min="15371" max="15372" width="7.7109375" style="264" customWidth="1"/>
    <col min="15373" max="15373" width="8" style="264" customWidth="1"/>
    <col min="15374" max="15605" width="9.140625" style="264"/>
    <col min="15606" max="15606" width="32" style="264" customWidth="1"/>
    <col min="15607" max="15607" width="9.140625" style="264"/>
    <col min="15608" max="15608" width="9.140625" style="264" customWidth="1"/>
    <col min="15609" max="15609" width="9.140625" style="264"/>
    <col min="15610" max="15610" width="9.140625" style="264" customWidth="1"/>
    <col min="15611" max="15611" width="7" style="264" customWidth="1"/>
    <col min="15612" max="15612" width="9.140625" style="264" customWidth="1"/>
    <col min="15613" max="15613" width="7.42578125" style="264" customWidth="1"/>
    <col min="15614" max="15614" width="9.140625" style="264" customWidth="1"/>
    <col min="15615" max="15615" width="7.42578125" style="264" customWidth="1"/>
    <col min="15616" max="15617" width="9.140625" style="264" customWidth="1"/>
    <col min="15618" max="15618" width="7.42578125" style="264" customWidth="1"/>
    <col min="15619" max="15619" width="9.140625" style="264" customWidth="1"/>
    <col min="15620" max="15620" width="7.85546875" style="264" customWidth="1"/>
    <col min="15621" max="15622" width="9.140625" style="264" customWidth="1"/>
    <col min="15623" max="15623" width="7.7109375" style="264" customWidth="1"/>
    <col min="15624" max="15624" width="9.140625" style="264" customWidth="1"/>
    <col min="15625" max="15625" width="7.5703125" style="264" customWidth="1"/>
    <col min="15626" max="15626" width="9.140625" style="264" customWidth="1"/>
    <col min="15627" max="15628" width="7.7109375" style="264" customWidth="1"/>
    <col min="15629" max="15629" width="8" style="264" customWidth="1"/>
    <col min="15630" max="15861" width="9.140625" style="264"/>
    <col min="15862" max="15862" width="32" style="264" customWidth="1"/>
    <col min="15863" max="15863" width="9.140625" style="264"/>
    <col min="15864" max="15864" width="9.140625" style="264" customWidth="1"/>
    <col min="15865" max="15865" width="9.140625" style="264"/>
    <col min="15866" max="15866" width="9.140625" style="264" customWidth="1"/>
    <col min="15867" max="15867" width="7" style="264" customWidth="1"/>
    <col min="15868" max="15868" width="9.140625" style="264" customWidth="1"/>
    <col min="15869" max="15869" width="7.42578125" style="264" customWidth="1"/>
    <col min="15870" max="15870" width="9.140625" style="264" customWidth="1"/>
    <col min="15871" max="15871" width="7.42578125" style="264" customWidth="1"/>
    <col min="15872" max="15873" width="9.140625" style="264" customWidth="1"/>
    <col min="15874" max="15874" width="7.42578125" style="264" customWidth="1"/>
    <col min="15875" max="15875" width="9.140625" style="264" customWidth="1"/>
    <col min="15876" max="15876" width="7.85546875" style="264" customWidth="1"/>
    <col min="15877" max="15878" width="9.140625" style="264" customWidth="1"/>
    <col min="15879" max="15879" width="7.7109375" style="264" customWidth="1"/>
    <col min="15880" max="15880" width="9.140625" style="264" customWidth="1"/>
    <col min="15881" max="15881" width="7.5703125" style="264" customWidth="1"/>
    <col min="15882" max="15882" width="9.140625" style="264" customWidth="1"/>
    <col min="15883" max="15884" width="7.7109375" style="264" customWidth="1"/>
    <col min="15885" max="15885" width="8" style="264" customWidth="1"/>
    <col min="15886" max="16117" width="9.140625" style="264"/>
    <col min="16118" max="16118" width="32" style="264" customWidth="1"/>
    <col min="16119" max="16119" width="9.140625" style="264"/>
    <col min="16120" max="16120" width="9.140625" style="264" customWidth="1"/>
    <col min="16121" max="16121" width="9.140625" style="264"/>
    <col min="16122" max="16122" width="9.140625" style="264" customWidth="1"/>
    <col min="16123" max="16123" width="7" style="264" customWidth="1"/>
    <col min="16124" max="16124" width="9.140625" style="264" customWidth="1"/>
    <col min="16125" max="16125" width="7.42578125" style="264" customWidth="1"/>
    <col min="16126" max="16126" width="9.140625" style="264" customWidth="1"/>
    <col min="16127" max="16127" width="7.42578125" style="264" customWidth="1"/>
    <col min="16128" max="16129" width="9.140625" style="264" customWidth="1"/>
    <col min="16130" max="16130" width="7.42578125" style="264" customWidth="1"/>
    <col min="16131" max="16131" width="9.140625" style="264" customWidth="1"/>
    <col min="16132" max="16132" width="7.85546875" style="264" customWidth="1"/>
    <col min="16133" max="16134" width="9.140625" style="264" customWidth="1"/>
    <col min="16135" max="16135" width="7.7109375" style="264" customWidth="1"/>
    <col min="16136" max="16136" width="9.140625" style="264" customWidth="1"/>
    <col min="16137" max="16137" width="7.5703125" style="264" customWidth="1"/>
    <col min="16138" max="16138" width="9.140625" style="264" customWidth="1"/>
    <col min="16139" max="16140" width="7.7109375" style="264" customWidth="1"/>
    <col min="16141" max="16141" width="8" style="264" customWidth="1"/>
    <col min="16142" max="16384" width="9.140625" style="264"/>
  </cols>
  <sheetData>
    <row r="1" spans="1:13" ht="10.5" x14ac:dyDescent="0.2">
      <c r="A1" s="372"/>
    </row>
    <row r="3" spans="1:13" ht="11.25" customHeight="1" x14ac:dyDescent="0.2">
      <c r="A3" s="1022" t="s">
        <v>638</v>
      </c>
      <c r="B3" s="1022"/>
      <c r="C3" s="1022"/>
      <c r="D3" s="1022"/>
      <c r="E3" s="1022"/>
      <c r="F3" s="1022"/>
      <c r="G3" s="1022"/>
      <c r="H3" s="1022"/>
      <c r="I3" s="1022"/>
      <c r="J3" s="1022"/>
      <c r="K3" s="1022"/>
      <c r="L3" s="1022"/>
      <c r="M3" s="374"/>
    </row>
    <row r="4" spans="1:13" ht="11.25" customHeight="1" x14ac:dyDescent="0.2">
      <c r="A4" s="1022" t="s">
        <v>105</v>
      </c>
      <c r="B4" s="1022"/>
      <c r="C4" s="1022"/>
      <c r="D4" s="1022"/>
      <c r="E4" s="1022"/>
      <c r="F4" s="1022"/>
      <c r="G4" s="1022"/>
      <c r="H4" s="1022"/>
      <c r="I4" s="1022"/>
      <c r="J4" s="1022"/>
      <c r="K4" s="1022"/>
      <c r="L4" s="1022"/>
      <c r="M4" s="374"/>
    </row>
    <row r="5" spans="1:13" ht="11.25" customHeight="1" x14ac:dyDescent="0.2">
      <c r="A5" s="1022" t="s">
        <v>807</v>
      </c>
      <c r="B5" s="1022"/>
      <c r="C5" s="1022"/>
      <c r="D5" s="1022"/>
      <c r="E5" s="1022"/>
      <c r="F5" s="1022"/>
      <c r="G5" s="1022"/>
      <c r="H5" s="1022"/>
      <c r="I5" s="1022"/>
      <c r="J5" s="1022"/>
      <c r="K5" s="1022"/>
      <c r="L5" s="1022"/>
      <c r="M5" s="374"/>
    </row>
    <row r="6" spans="1:13" ht="11.25" customHeight="1" x14ac:dyDescent="0.2">
      <c r="A6" s="1023" t="s">
        <v>107</v>
      </c>
      <c r="B6" s="1022"/>
      <c r="C6" s="1022"/>
      <c r="D6" s="1022"/>
      <c r="E6" s="1022"/>
      <c r="F6" s="1022"/>
      <c r="G6" s="1022"/>
      <c r="H6" s="1022"/>
      <c r="I6" s="1022"/>
      <c r="J6" s="1022"/>
      <c r="K6" s="1022"/>
      <c r="L6" s="1022"/>
      <c r="M6" s="374"/>
    </row>
    <row r="7" spans="1:13" ht="11.25" customHeight="1" x14ac:dyDescent="0.2">
      <c r="A7" s="1022" t="s">
        <v>902</v>
      </c>
      <c r="B7" s="1022"/>
      <c r="C7" s="1022"/>
      <c r="D7" s="1022"/>
      <c r="E7" s="1022"/>
      <c r="F7" s="1022"/>
      <c r="G7" s="1022"/>
      <c r="H7" s="1022"/>
      <c r="I7" s="1022"/>
      <c r="J7" s="1022"/>
      <c r="K7" s="1022"/>
      <c r="L7" s="1022"/>
      <c r="M7" s="374"/>
    </row>
    <row r="8" spans="1:13" ht="11.25" customHeight="1" x14ac:dyDescent="0.2">
      <c r="A8" s="1021"/>
      <c r="B8" s="1021"/>
      <c r="C8" s="1021"/>
      <c r="D8" s="1021"/>
      <c r="E8" s="1021"/>
      <c r="F8" s="1021"/>
      <c r="G8" s="1021"/>
      <c r="H8" s="1021"/>
      <c r="I8" s="1021"/>
      <c r="J8" s="1021"/>
      <c r="K8" s="1021"/>
      <c r="L8" s="1021"/>
      <c r="M8" s="374"/>
    </row>
    <row r="9" spans="1:13" ht="11.25" customHeight="1" x14ac:dyDescent="0.2">
      <c r="A9" s="1020" t="s">
        <v>808</v>
      </c>
      <c r="B9" s="1020"/>
      <c r="C9" s="1020"/>
      <c r="D9" s="1020"/>
      <c r="E9" s="373"/>
      <c r="F9" s="373"/>
      <c r="G9" s="373"/>
      <c r="H9" s="373"/>
      <c r="I9" s="373"/>
      <c r="J9" s="373"/>
      <c r="K9" s="1017">
        <v>1</v>
      </c>
      <c r="L9" s="1017"/>
      <c r="M9" s="374"/>
    </row>
    <row r="10" spans="1:13" s="217" customFormat="1" ht="12" customHeight="1" x14ac:dyDescent="0.2">
      <c r="A10" s="821" t="s">
        <v>173</v>
      </c>
      <c r="B10" s="772" t="s">
        <v>809</v>
      </c>
      <c r="C10" s="773"/>
      <c r="D10" s="774"/>
      <c r="E10" s="790" t="s">
        <v>886</v>
      </c>
      <c r="F10" s="750"/>
      <c r="G10" s="750"/>
      <c r="H10" s="750"/>
      <c r="I10" s="750"/>
      <c r="J10" s="751"/>
      <c r="K10" s="1018" t="s">
        <v>810</v>
      </c>
      <c r="L10" s="1019"/>
      <c r="M10" s="374"/>
    </row>
    <row r="11" spans="1:13" s="217" customFormat="1" ht="11.25" customHeight="1" x14ac:dyDescent="0.2">
      <c r="A11" s="808"/>
      <c r="B11" s="807" t="s">
        <v>811</v>
      </c>
      <c r="C11" s="812"/>
      <c r="D11" s="777"/>
      <c r="E11" s="788" t="s">
        <v>812</v>
      </c>
      <c r="F11" s="820"/>
      <c r="G11" s="821"/>
      <c r="H11" s="788" t="s">
        <v>813</v>
      </c>
      <c r="I11" s="820"/>
      <c r="J11" s="821"/>
      <c r="K11" s="810"/>
      <c r="L11" s="812"/>
      <c r="M11" s="374"/>
    </row>
    <row r="12" spans="1:13" s="217" customFormat="1" ht="11.25" customHeight="1" x14ac:dyDescent="0.2">
      <c r="A12" s="808"/>
      <c r="B12" s="807" t="s">
        <v>814</v>
      </c>
      <c r="C12" s="812"/>
      <c r="D12" s="777"/>
      <c r="E12" s="807"/>
      <c r="F12" s="999"/>
      <c r="G12" s="808"/>
      <c r="H12" s="807"/>
      <c r="I12" s="999"/>
      <c r="J12" s="808"/>
      <c r="K12" s="807" t="s">
        <v>815</v>
      </c>
      <c r="L12" s="999"/>
      <c r="M12" s="374"/>
    </row>
    <row r="13" spans="1:13" s="217" customFormat="1" ht="21" customHeight="1" x14ac:dyDescent="0.2">
      <c r="A13" s="809"/>
      <c r="B13" s="789" t="s">
        <v>116</v>
      </c>
      <c r="C13" s="841"/>
      <c r="D13" s="778"/>
      <c r="E13" s="789"/>
      <c r="F13" s="822"/>
      <c r="G13" s="809"/>
      <c r="H13" s="841" t="s">
        <v>117</v>
      </c>
      <c r="I13" s="841"/>
      <c r="J13" s="778"/>
      <c r="K13" s="789"/>
      <c r="L13" s="822"/>
      <c r="M13" s="374"/>
    </row>
    <row r="14" spans="1:13" s="155" customFormat="1" ht="11.25" customHeight="1" x14ac:dyDescent="0.2">
      <c r="A14" s="375" t="s">
        <v>816</v>
      </c>
      <c r="B14" s="1004"/>
      <c r="C14" s="1005"/>
      <c r="D14" s="1006"/>
      <c r="E14" s="1005"/>
      <c r="F14" s="1005"/>
      <c r="G14" s="1006"/>
      <c r="H14" s="1005"/>
      <c r="I14" s="1005"/>
      <c r="J14" s="1006"/>
      <c r="K14" s="1004"/>
      <c r="L14" s="1005"/>
      <c r="M14" s="376"/>
    </row>
    <row r="15" spans="1:13" s="217" customFormat="1" ht="11.25" customHeight="1" x14ac:dyDescent="0.2">
      <c r="A15" s="54" t="s">
        <v>817</v>
      </c>
      <c r="B15" s="1007"/>
      <c r="C15" s="1008"/>
      <c r="D15" s="1009"/>
      <c r="E15" s="1010"/>
      <c r="F15" s="1008"/>
      <c r="G15" s="1009"/>
      <c r="H15" s="1010"/>
      <c r="I15" s="1008"/>
      <c r="J15" s="1009"/>
      <c r="K15" s="1007"/>
      <c r="L15" s="1010"/>
      <c r="M15" s="374"/>
    </row>
    <row r="16" spans="1:13" s="217" customFormat="1" ht="11.25" customHeight="1" x14ac:dyDescent="0.2">
      <c r="A16" s="54" t="s">
        <v>818</v>
      </c>
      <c r="B16" s="1007"/>
      <c r="C16" s="1008"/>
      <c r="D16" s="1009"/>
      <c r="E16" s="1010"/>
      <c r="F16" s="1008"/>
      <c r="G16" s="1009"/>
      <c r="H16" s="1010"/>
      <c r="I16" s="1008"/>
      <c r="J16" s="1009"/>
      <c r="K16" s="1007"/>
      <c r="L16" s="1010"/>
      <c r="M16" s="374"/>
    </row>
    <row r="17" spans="1:13" s="217" customFormat="1" ht="11.25" customHeight="1" x14ac:dyDescent="0.2">
      <c r="A17" s="54" t="s">
        <v>819</v>
      </c>
      <c r="B17" s="1001"/>
      <c r="C17" s="1002"/>
      <c r="D17" s="1003"/>
      <c r="E17" s="1002"/>
      <c r="F17" s="1002"/>
      <c r="G17" s="1003"/>
      <c r="H17" s="1002"/>
      <c r="I17" s="1002"/>
      <c r="J17" s="1003"/>
      <c r="K17" s="1001"/>
      <c r="L17" s="1002"/>
      <c r="M17" s="374"/>
    </row>
    <row r="18" spans="1:13" s="155" customFormat="1" ht="11.25" customHeight="1" x14ac:dyDescent="0.2">
      <c r="A18" s="375" t="s">
        <v>820</v>
      </c>
      <c r="B18" s="1004"/>
      <c r="C18" s="1005"/>
      <c r="D18" s="1006"/>
      <c r="E18" s="1005"/>
      <c r="F18" s="1005"/>
      <c r="G18" s="1006"/>
      <c r="H18" s="1005"/>
      <c r="I18" s="1005"/>
      <c r="J18" s="1006"/>
      <c r="K18" s="1004"/>
      <c r="L18" s="1005"/>
      <c r="M18" s="376"/>
    </row>
    <row r="19" spans="1:13" s="217" customFormat="1" ht="11.25" customHeight="1" x14ac:dyDescent="0.2">
      <c r="A19" s="54" t="s">
        <v>821</v>
      </c>
      <c r="B19" s="1007"/>
      <c r="C19" s="1008"/>
      <c r="D19" s="1009"/>
      <c r="E19" s="1010"/>
      <c r="F19" s="1008"/>
      <c r="G19" s="1009"/>
      <c r="H19" s="1010"/>
      <c r="I19" s="1008"/>
      <c r="J19" s="1009"/>
      <c r="K19" s="1007"/>
      <c r="L19" s="1010"/>
      <c r="M19" s="374"/>
    </row>
    <row r="20" spans="1:13" s="217" customFormat="1" ht="11.25" customHeight="1" x14ac:dyDescent="0.2">
      <c r="A20" s="54" t="s">
        <v>822</v>
      </c>
      <c r="B20" s="1007"/>
      <c r="C20" s="1008"/>
      <c r="D20" s="1009"/>
      <c r="E20" s="1010"/>
      <c r="F20" s="1008"/>
      <c r="G20" s="1009"/>
      <c r="H20" s="1010"/>
      <c r="I20" s="1008"/>
      <c r="J20" s="1009"/>
      <c r="K20" s="1007"/>
      <c r="L20" s="1010"/>
      <c r="M20" s="374"/>
    </row>
    <row r="21" spans="1:13" s="217" customFormat="1" ht="11.25" customHeight="1" x14ac:dyDescent="0.2">
      <c r="A21" s="54" t="s">
        <v>823</v>
      </c>
      <c r="B21" s="1001"/>
      <c r="C21" s="1002"/>
      <c r="D21" s="1003"/>
      <c r="E21" s="1002"/>
      <c r="F21" s="1002"/>
      <c r="G21" s="1003"/>
      <c r="H21" s="1002"/>
      <c r="I21" s="1002"/>
      <c r="J21" s="1003"/>
      <c r="K21" s="1001"/>
      <c r="L21" s="1002"/>
      <c r="M21" s="374"/>
    </row>
    <row r="22" spans="1:13" s="217" customFormat="1" ht="11.25" customHeight="1" x14ac:dyDescent="0.2">
      <c r="A22" s="377" t="s">
        <v>824</v>
      </c>
      <c r="B22" s="1014"/>
      <c r="C22" s="1015"/>
      <c r="D22" s="1016"/>
      <c r="E22" s="1015"/>
      <c r="F22" s="1015"/>
      <c r="G22" s="1016"/>
      <c r="H22" s="1015"/>
      <c r="I22" s="1015"/>
      <c r="J22" s="1016"/>
      <c r="K22" s="1014"/>
      <c r="L22" s="1015"/>
      <c r="M22" s="374"/>
    </row>
    <row r="23" spans="1:13" s="217" customFormat="1" ht="11.25" customHeight="1" x14ac:dyDescent="0.2">
      <c r="A23" s="378" t="s">
        <v>825</v>
      </c>
      <c r="B23" s="1014"/>
      <c r="C23" s="1015"/>
      <c r="D23" s="1016"/>
      <c r="E23" s="1015"/>
      <c r="F23" s="1015"/>
      <c r="G23" s="1016"/>
      <c r="H23" s="1015"/>
      <c r="I23" s="1015"/>
      <c r="J23" s="1016"/>
      <c r="K23" s="1014"/>
      <c r="L23" s="1015"/>
      <c r="M23" s="374"/>
    </row>
    <row r="24" spans="1:13" s="217" customFormat="1" ht="11.25" customHeight="1" x14ac:dyDescent="0.2">
      <c r="A24" s="379" t="s">
        <v>826</v>
      </c>
      <c r="B24" s="1011"/>
      <c r="C24" s="1012"/>
      <c r="D24" s="1013"/>
      <c r="E24" s="1012"/>
      <c r="F24" s="1012"/>
      <c r="G24" s="1013"/>
      <c r="H24" s="1012"/>
      <c r="I24" s="1012"/>
      <c r="J24" s="1013"/>
      <c r="K24" s="1011"/>
      <c r="L24" s="1012"/>
      <c r="M24" s="374"/>
    </row>
    <row r="25" spans="1:13" s="217" customFormat="1" ht="11.25" customHeight="1" x14ac:dyDescent="0.2">
      <c r="A25" s="54" t="s">
        <v>827</v>
      </c>
      <c r="B25" s="1007"/>
      <c r="C25" s="1008"/>
      <c r="D25" s="1009"/>
      <c r="E25" s="1010"/>
      <c r="F25" s="1008"/>
      <c r="G25" s="1009"/>
      <c r="H25" s="1010"/>
      <c r="I25" s="1008"/>
      <c r="J25" s="1009"/>
      <c r="K25" s="1007"/>
      <c r="L25" s="1010"/>
      <c r="M25" s="374"/>
    </row>
    <row r="26" spans="1:13" s="217" customFormat="1" ht="11.25" customHeight="1" x14ac:dyDescent="0.2">
      <c r="A26" s="54" t="s">
        <v>828</v>
      </c>
      <c r="B26" s="1007"/>
      <c r="C26" s="1008"/>
      <c r="D26" s="1009"/>
      <c r="E26" s="1010"/>
      <c r="F26" s="1008"/>
      <c r="G26" s="1009"/>
      <c r="H26" s="1010"/>
      <c r="I26" s="1008"/>
      <c r="J26" s="1009"/>
      <c r="K26" s="1007"/>
      <c r="L26" s="1010"/>
      <c r="M26" s="374"/>
    </row>
    <row r="27" spans="1:13" s="217" customFormat="1" ht="11.25" customHeight="1" x14ac:dyDescent="0.2">
      <c r="A27" s="380" t="s">
        <v>829</v>
      </c>
      <c r="B27" s="1001"/>
      <c r="C27" s="1002"/>
      <c r="D27" s="1003"/>
      <c r="E27" s="1002"/>
      <c r="F27" s="1002"/>
      <c r="G27" s="1003"/>
      <c r="H27" s="1002"/>
      <c r="I27" s="1002"/>
      <c r="J27" s="1003"/>
      <c r="K27" s="1001"/>
      <c r="L27" s="1002"/>
      <c r="M27" s="374"/>
    </row>
    <row r="28" spans="1:13" s="155" customFormat="1" ht="11.25" customHeight="1" x14ac:dyDescent="0.2">
      <c r="A28" s="379" t="s">
        <v>830</v>
      </c>
      <c r="B28" s="1004"/>
      <c r="C28" s="1005"/>
      <c r="D28" s="1006"/>
      <c r="E28" s="1005"/>
      <c r="F28" s="1005"/>
      <c r="G28" s="1006"/>
      <c r="H28" s="1005"/>
      <c r="I28" s="1005"/>
      <c r="J28" s="1006"/>
      <c r="K28" s="1004"/>
      <c r="L28" s="1005"/>
      <c r="M28" s="376"/>
    </row>
    <row r="29" spans="1:13" s="217" customFormat="1" ht="11.25" customHeight="1" x14ac:dyDescent="0.2">
      <c r="A29" s="54" t="s">
        <v>831</v>
      </c>
      <c r="B29" s="1007"/>
      <c r="C29" s="1008"/>
      <c r="D29" s="1009"/>
      <c r="E29" s="1010"/>
      <c r="F29" s="1008"/>
      <c r="G29" s="1009"/>
      <c r="H29" s="1010"/>
      <c r="I29" s="1008"/>
      <c r="J29" s="1009"/>
      <c r="K29" s="1007"/>
      <c r="L29" s="1010"/>
      <c r="M29" s="374"/>
    </row>
    <row r="30" spans="1:13" s="217" customFormat="1" ht="11.25" customHeight="1" x14ac:dyDescent="0.2">
      <c r="A30" s="380" t="s">
        <v>832</v>
      </c>
      <c r="B30" s="1001"/>
      <c r="C30" s="1002"/>
      <c r="D30" s="1003"/>
      <c r="E30" s="1002"/>
      <c r="F30" s="1002"/>
      <c r="G30" s="1003"/>
      <c r="H30" s="1002"/>
      <c r="I30" s="1002"/>
      <c r="J30" s="1003"/>
      <c r="K30" s="1001"/>
      <c r="L30" s="1002"/>
      <c r="M30" s="374"/>
    </row>
    <row r="31" spans="1:13" ht="11.25" customHeight="1" x14ac:dyDescent="0.2">
      <c r="A31" s="381"/>
      <c r="B31" s="381"/>
      <c r="C31" s="381"/>
      <c r="D31" s="381"/>
      <c r="E31" s="373"/>
      <c r="F31" s="373"/>
      <c r="G31" s="373"/>
      <c r="H31" s="373"/>
      <c r="I31" s="373"/>
      <c r="J31" s="373"/>
      <c r="K31" s="382"/>
      <c r="L31" s="382"/>
      <c r="M31" s="374"/>
    </row>
    <row r="32" spans="1:13" ht="15" customHeight="1" x14ac:dyDescent="0.2">
      <c r="A32" s="368"/>
      <c r="B32" s="370" t="s">
        <v>833</v>
      </c>
      <c r="C32" s="370" t="s">
        <v>834</v>
      </c>
      <c r="D32" s="786">
        <v>2017</v>
      </c>
      <c r="E32" s="786">
        <v>2018</v>
      </c>
      <c r="F32" s="786">
        <v>2019</v>
      </c>
      <c r="G32" s="786">
        <v>2020</v>
      </c>
      <c r="H32" s="786">
        <v>2021</v>
      </c>
      <c r="I32" s="786">
        <v>2022</v>
      </c>
      <c r="J32" s="786">
        <v>2023</v>
      </c>
      <c r="K32" s="786">
        <v>2024</v>
      </c>
      <c r="L32" s="788">
        <v>2025</v>
      </c>
      <c r="M32" s="383"/>
    </row>
    <row r="33" spans="1:13" ht="11.25" customHeight="1" x14ac:dyDescent="0.2">
      <c r="A33" s="371" t="s">
        <v>835</v>
      </c>
      <c r="B33" s="366" t="s">
        <v>836</v>
      </c>
      <c r="C33" s="366" t="s">
        <v>837</v>
      </c>
      <c r="D33" s="1000"/>
      <c r="E33" s="1000"/>
      <c r="F33" s="995"/>
      <c r="G33" s="995"/>
      <c r="H33" s="995"/>
      <c r="I33" s="995"/>
      <c r="J33" s="995"/>
      <c r="K33" s="995"/>
      <c r="L33" s="997"/>
      <c r="M33" s="383"/>
    </row>
    <row r="34" spans="1:13" ht="15" customHeight="1" x14ac:dyDescent="0.2">
      <c r="A34" s="369"/>
      <c r="B34" s="367"/>
      <c r="C34" s="367">
        <v>2016</v>
      </c>
      <c r="D34" s="787"/>
      <c r="E34" s="787"/>
      <c r="F34" s="996"/>
      <c r="G34" s="996"/>
      <c r="H34" s="996"/>
      <c r="I34" s="996"/>
      <c r="J34" s="996"/>
      <c r="K34" s="996"/>
      <c r="L34" s="998"/>
      <c r="M34" s="383"/>
    </row>
    <row r="35" spans="1:13" ht="11.25" customHeight="1" x14ac:dyDescent="0.2">
      <c r="A35" s="264" t="s">
        <v>838</v>
      </c>
      <c r="B35" s="613"/>
      <c r="C35" s="613"/>
      <c r="D35" s="613"/>
      <c r="E35" s="613"/>
      <c r="F35" s="613"/>
      <c r="G35" s="613"/>
      <c r="H35" s="613"/>
      <c r="I35" s="613"/>
      <c r="J35" s="613"/>
      <c r="K35" s="614"/>
      <c r="L35" s="615"/>
      <c r="M35" s="384"/>
    </row>
    <row r="36" spans="1:13" ht="11.25" customHeight="1" x14ac:dyDescent="0.2">
      <c r="A36" s="54"/>
      <c r="B36" s="613"/>
      <c r="C36" s="613"/>
      <c r="D36" s="613"/>
      <c r="E36" s="613"/>
      <c r="F36" s="613"/>
      <c r="G36" s="613"/>
      <c r="H36" s="613"/>
      <c r="I36" s="613"/>
      <c r="J36" s="613"/>
      <c r="K36" s="614"/>
      <c r="L36" s="615"/>
      <c r="M36" s="384"/>
    </row>
    <row r="37" spans="1:13" ht="11.25" customHeight="1" x14ac:dyDescent="0.2">
      <c r="A37" s="264" t="s">
        <v>839</v>
      </c>
      <c r="B37" s="613"/>
      <c r="C37" s="613"/>
      <c r="D37" s="613"/>
      <c r="E37" s="613"/>
      <c r="F37" s="613"/>
      <c r="G37" s="613"/>
      <c r="H37" s="613"/>
      <c r="I37" s="613"/>
      <c r="J37" s="613"/>
      <c r="K37" s="614"/>
      <c r="L37" s="615"/>
      <c r="M37" s="384"/>
    </row>
    <row r="38" spans="1:13" ht="11.25" customHeight="1" x14ac:dyDescent="0.2">
      <c r="A38" s="54"/>
      <c r="B38" s="613"/>
      <c r="C38" s="613"/>
      <c r="D38" s="613"/>
      <c r="E38" s="613"/>
      <c r="F38" s="613"/>
      <c r="G38" s="613"/>
      <c r="H38" s="613"/>
      <c r="I38" s="613"/>
      <c r="J38" s="613"/>
      <c r="K38" s="614"/>
      <c r="L38" s="615"/>
      <c r="M38" s="384"/>
    </row>
    <row r="39" spans="1:13" ht="11.25" customHeight="1" x14ac:dyDescent="0.2">
      <c r="A39" s="377" t="s">
        <v>840</v>
      </c>
      <c r="B39" s="477"/>
      <c r="C39" s="477"/>
      <c r="D39" s="477"/>
      <c r="E39" s="477"/>
      <c r="F39" s="477"/>
      <c r="G39" s="477"/>
      <c r="H39" s="477"/>
      <c r="I39" s="477"/>
      <c r="J39" s="477"/>
      <c r="K39" s="616"/>
      <c r="L39" s="617"/>
      <c r="M39" s="384"/>
    </row>
    <row r="40" spans="1:13" ht="15.75" customHeight="1" x14ac:dyDescent="0.2">
      <c r="A40" s="378" t="s">
        <v>841</v>
      </c>
      <c r="B40" s="477"/>
      <c r="C40" s="477">
        <v>8746464276.0459976</v>
      </c>
      <c r="D40" s="477"/>
      <c r="E40" s="477"/>
      <c r="F40" s="477"/>
      <c r="G40" s="477"/>
      <c r="H40" s="477"/>
      <c r="I40" s="477"/>
      <c r="J40" s="477"/>
      <c r="K40" s="618"/>
      <c r="L40" s="617"/>
      <c r="M40" s="384"/>
    </row>
    <row r="41" spans="1:13" ht="11.25" customHeight="1" x14ac:dyDescent="0.2">
      <c r="A41" s="378" t="s">
        <v>842</v>
      </c>
      <c r="B41" s="477"/>
      <c r="C41" s="477"/>
      <c r="D41" s="477"/>
      <c r="E41" s="477"/>
      <c r="F41" s="477"/>
      <c r="G41" s="477"/>
      <c r="H41" s="477"/>
      <c r="I41" s="477"/>
      <c r="J41" s="477"/>
      <c r="K41" s="618"/>
      <c r="L41" s="617"/>
      <c r="M41" s="384"/>
    </row>
    <row r="42" spans="1:13" ht="11.25" customHeight="1" x14ac:dyDescent="0.2">
      <c r="A42" s="385" t="s">
        <v>843</v>
      </c>
      <c r="B42" s="386"/>
      <c r="C42" s="386"/>
      <c r="D42" s="386"/>
      <c r="E42" s="386"/>
      <c r="F42" s="386"/>
      <c r="G42" s="386"/>
      <c r="H42" s="386"/>
      <c r="I42" s="386"/>
      <c r="J42" s="386"/>
      <c r="K42" s="386"/>
      <c r="L42" s="386"/>
      <c r="M42" s="387"/>
    </row>
    <row r="43" spans="1:13" ht="10.5" x14ac:dyDescent="0.2">
      <c r="A43" s="101" t="s">
        <v>848</v>
      </c>
      <c r="B43" s="17"/>
      <c r="C43" s="17"/>
      <c r="D43" s="17"/>
      <c r="E43" s="17"/>
      <c r="F43" s="17"/>
      <c r="G43" s="17"/>
      <c r="H43" s="17"/>
      <c r="I43" s="17"/>
      <c r="J43" s="994"/>
      <c r="K43" s="994"/>
      <c r="L43" s="994"/>
      <c r="M43" s="56"/>
    </row>
    <row r="44" spans="1:13" ht="11.25" customHeight="1" x14ac:dyDescent="0.2">
      <c r="A44" s="217"/>
    </row>
    <row r="52" s="45" customFormat="1" ht="11.25" customHeight="1" x14ac:dyDescent="0.2"/>
    <row r="53" s="45" customFormat="1" ht="11.25" customHeight="1" x14ac:dyDescent="0.2"/>
    <row r="54" s="45" customFormat="1" ht="11.25" customHeight="1" x14ac:dyDescent="0.2"/>
    <row r="55" s="45" customFormat="1" ht="11.25" customHeight="1" x14ac:dyDescent="0.2"/>
    <row r="56" s="45" customFormat="1" ht="11.25" customHeight="1" x14ac:dyDescent="0.2"/>
    <row r="57" s="45" customFormat="1" ht="11.25" customHeight="1" x14ac:dyDescent="0.2"/>
    <row r="58" s="45" customFormat="1" ht="11.25" customHeight="1" x14ac:dyDescent="0.2"/>
  </sheetData>
  <customSheetViews>
    <customSheetView guid="{6DBFA32C-4AA4-4E1D-9A48-697377C64CC3}" showPageBreaks="1" showGridLines="0" fitToPage="1" printArea="1" topLeftCell="A22">
      <selection activeCell="C40" sqref="C40"/>
      <pageMargins left="0.19685039370078741" right="0.19685039370078741" top="0.59055118110236227" bottom="0.19685039370078741" header="0" footer="0"/>
      <printOptions horizontalCentered="1"/>
      <pageSetup paperSize="9" scale="71" orientation="portrait" r:id="rId1"/>
    </customSheetView>
    <customSheetView guid="{3AAF6A5F-F9AA-430B-9AD9-1261ECDF41B5}" showPageBreaks="1" showGridLines="0" fitToPage="1" printArea="1" topLeftCell="A37">
      <selection activeCell="E126" sqref="E126"/>
      <pageMargins left="0.19685039370078741" right="0.19685039370078741" top="0.59055118110236227" bottom="0.19685039370078741" header="0" footer="0"/>
      <printOptions horizontalCentered="1"/>
      <pageSetup paperSize="9" scale="70" orientation="portrait" r:id="rId2"/>
    </customSheetView>
    <customSheetView guid="{C779D862-DE28-46CD-A428-4AAA1056D1E1}" showPageBreaks="1" showGridLines="0" fitToPage="1" printArea="1">
      <selection activeCell="C40" sqref="C40"/>
      <pageMargins left="0.19685039370078741" right="0.19685039370078741" top="0.59055118110236227" bottom="0.19685039370078741" header="0" footer="0"/>
      <printOptions horizontalCentered="1"/>
      <pageSetup paperSize="9" scale="70" orientation="portrait" r:id="rId3"/>
    </customSheetView>
    <customSheetView guid="{25EF1E0D-169B-4051-B414-7E1196FC05E4}" showGridLines="0" fitToPage="1">
      <selection activeCell="A8" sqref="A8:L8"/>
      <pageMargins left="0.19685039370078741" right="0.19685039370078741" top="0.59055118110236227" bottom="0.19685039370078741" header="0" footer="0"/>
      <printOptions horizontalCentered="1"/>
      <pageSetup paperSize="9" scale="70" orientation="portrait" r:id="rId4"/>
    </customSheetView>
    <customSheetView guid="{B4FED47C-EE37-4843-A570-282D4F8229D4}" showGridLines="0" fitToPage="1">
      <selection activeCell="A8" sqref="A8:L8"/>
      <pageMargins left="0.19685039370078741" right="0.19685039370078741" top="0.59055118110236227" bottom="0.19685039370078741" header="0" footer="0"/>
      <printOptions horizontalCentered="1"/>
      <pageSetup paperSize="9" scale="70" orientation="portrait" r:id="rId5"/>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6"/>
    </customSheetView>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71" orientation="portrait" r:id="rId7"/>
    </customSheetView>
  </customSheetViews>
  <mergeCells count="97">
    <mergeCell ref="A8:L8"/>
    <mergeCell ref="A3:L3"/>
    <mergeCell ref="A4:L4"/>
    <mergeCell ref="A5:L5"/>
    <mergeCell ref="A6:L6"/>
    <mergeCell ref="A7:L7"/>
    <mergeCell ref="B12:D12"/>
    <mergeCell ref="B13:D13"/>
    <mergeCell ref="H13:J13"/>
    <mergeCell ref="K9:L9"/>
    <mergeCell ref="B10:D10"/>
    <mergeCell ref="E10:J10"/>
    <mergeCell ref="K10:L11"/>
    <mergeCell ref="B11:D11"/>
    <mergeCell ref="A9:D9"/>
    <mergeCell ref="B14:D14"/>
    <mergeCell ref="E14:G14"/>
    <mergeCell ref="H14:J14"/>
    <mergeCell ref="K14:L14"/>
    <mergeCell ref="B15:D15"/>
    <mergeCell ref="E15:G15"/>
    <mergeCell ref="H15:J15"/>
    <mergeCell ref="K15:L15"/>
    <mergeCell ref="B16:D16"/>
    <mergeCell ref="E16:G16"/>
    <mergeCell ref="H16:J16"/>
    <mergeCell ref="K16:L16"/>
    <mergeCell ref="B17:D17"/>
    <mergeCell ref="E17:G17"/>
    <mergeCell ref="H17:J17"/>
    <mergeCell ref="K17:L17"/>
    <mergeCell ref="B18:D18"/>
    <mergeCell ref="E18:G18"/>
    <mergeCell ref="H18:J18"/>
    <mergeCell ref="K18:L18"/>
    <mergeCell ref="B19:D19"/>
    <mergeCell ref="E19:G19"/>
    <mergeCell ref="H19:J19"/>
    <mergeCell ref="K19:L19"/>
    <mergeCell ref="B20:D20"/>
    <mergeCell ref="E20:G20"/>
    <mergeCell ref="H20:J20"/>
    <mergeCell ref="K20:L20"/>
    <mergeCell ref="B21:D21"/>
    <mergeCell ref="E21:G21"/>
    <mergeCell ref="H21:J21"/>
    <mergeCell ref="K21:L21"/>
    <mergeCell ref="B22:D22"/>
    <mergeCell ref="E22:G22"/>
    <mergeCell ref="H22:J22"/>
    <mergeCell ref="K22:L22"/>
    <mergeCell ref="B23:D23"/>
    <mergeCell ref="E23:G23"/>
    <mergeCell ref="H23:J23"/>
    <mergeCell ref="K23:L23"/>
    <mergeCell ref="B24:D24"/>
    <mergeCell ref="E24:G24"/>
    <mergeCell ref="H24:J24"/>
    <mergeCell ref="K24:L24"/>
    <mergeCell ref="B25:D25"/>
    <mergeCell ref="E25:G25"/>
    <mergeCell ref="H25:J25"/>
    <mergeCell ref="K25:L25"/>
    <mergeCell ref="B26:D26"/>
    <mergeCell ref="E26:G26"/>
    <mergeCell ref="H26:J26"/>
    <mergeCell ref="K26:L26"/>
    <mergeCell ref="B27:D27"/>
    <mergeCell ref="E27:G27"/>
    <mergeCell ref="H27:J27"/>
    <mergeCell ref="K27:L27"/>
    <mergeCell ref="H30:J30"/>
    <mergeCell ref="K30:L30"/>
    <mergeCell ref="B28:D28"/>
    <mergeCell ref="E28:G28"/>
    <mergeCell ref="H28:J28"/>
    <mergeCell ref="K28:L28"/>
    <mergeCell ref="B29:D29"/>
    <mergeCell ref="E29:G29"/>
    <mergeCell ref="H29:J29"/>
    <mergeCell ref="K29:L29"/>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s>
  <printOptions horizontalCentered="1"/>
  <pageMargins left="0.19685039370078741" right="0.19685039370078741" top="0.59055118110236227" bottom="0.19685039370078741" header="0" footer="0"/>
  <pageSetup paperSize="9" scale="71" orientation="portrait" r:id="rId8"/>
  <drawing r:id="rId9"/>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pageSetUpPr fitToPage="1"/>
  </sheetPr>
  <dimension ref="A1:U113"/>
  <sheetViews>
    <sheetView showGridLines="0" zoomScaleNormal="100" workbookViewId="0">
      <selection activeCell="G7" sqref="G7"/>
    </sheetView>
  </sheetViews>
  <sheetFormatPr defaultColWidth="1" defaultRowHeight="11.25" customHeight="1" x14ac:dyDescent="0.2"/>
  <cols>
    <col min="1" max="1" width="92.5703125" style="1" customWidth="1"/>
    <col min="2" max="2" width="18.7109375" style="1" customWidth="1"/>
    <col min="3" max="3" width="19.140625" style="67" customWidth="1"/>
    <col min="4" max="6" width="17.28515625" style="1" bestFit="1" customWidth="1"/>
    <col min="7" max="59" width="15.7109375" style="1" customWidth="1"/>
    <col min="60" max="16384" width="1" style="1"/>
  </cols>
  <sheetData>
    <row r="1" spans="1:13" s="26" customFormat="1" ht="10.5" x14ac:dyDescent="0.2">
      <c r="A1" s="290"/>
      <c r="B1" s="290"/>
      <c r="C1" s="290"/>
      <c r="D1" s="290"/>
      <c r="E1" s="290"/>
    </row>
    <row r="2" spans="1:13" s="26" customFormat="1" ht="11.25" customHeight="1" x14ac:dyDescent="0.2">
      <c r="A2" s="130"/>
    </row>
    <row r="3" spans="1:13" s="45" customFormat="1" ht="11.25" customHeight="1" x14ac:dyDescent="0.2">
      <c r="A3" s="966" t="s">
        <v>638</v>
      </c>
      <c r="B3" s="966"/>
      <c r="C3" s="966"/>
      <c r="D3" s="966"/>
      <c r="E3" s="966"/>
      <c r="F3" s="279"/>
      <c r="G3" s="279"/>
      <c r="H3" s="279"/>
      <c r="I3" s="279"/>
      <c r="J3" s="279"/>
      <c r="K3" s="279"/>
      <c r="L3" s="279"/>
      <c r="M3" s="279"/>
    </row>
    <row r="4" spans="1:13" s="45" customFormat="1" ht="11.25" customHeight="1" x14ac:dyDescent="0.2">
      <c r="A4" s="740" t="s">
        <v>251</v>
      </c>
      <c r="B4" s="740"/>
      <c r="C4" s="740"/>
      <c r="D4" s="740"/>
      <c r="E4" s="740"/>
    </row>
    <row r="5" spans="1:13" s="45" customFormat="1" ht="11.25" customHeight="1" x14ac:dyDescent="0.2">
      <c r="A5" s="966" t="s">
        <v>106</v>
      </c>
      <c r="B5" s="966"/>
      <c r="C5" s="966"/>
      <c r="D5" s="966"/>
      <c r="E5" s="966"/>
    </row>
    <row r="6" spans="1:13" s="45" customFormat="1" ht="11.25" customHeight="1" x14ac:dyDescent="0.2">
      <c r="A6" s="966" t="s">
        <v>107</v>
      </c>
      <c r="B6" s="966"/>
      <c r="C6" s="966"/>
      <c r="D6" s="966"/>
      <c r="E6" s="966"/>
    </row>
    <row r="7" spans="1:13" s="45" customFormat="1" ht="11.25" customHeight="1" x14ac:dyDescent="0.2">
      <c r="A7" s="966" t="s">
        <v>902</v>
      </c>
      <c r="B7" s="966"/>
      <c r="C7" s="966"/>
      <c r="D7" s="966"/>
      <c r="E7" s="966"/>
    </row>
    <row r="8" spans="1:13" s="45" customFormat="1" ht="11.25" customHeight="1" x14ac:dyDescent="0.2">
      <c r="A8" s="250"/>
      <c r="B8" s="250"/>
      <c r="C8" s="250"/>
      <c r="D8" s="250"/>
      <c r="E8" s="250"/>
    </row>
    <row r="9" spans="1:13" s="26" customFormat="1" ht="11.25" customHeight="1" x14ac:dyDescent="0.2">
      <c r="A9" s="26" t="s">
        <v>806</v>
      </c>
      <c r="B9" s="132"/>
      <c r="E9" s="225">
        <v>1</v>
      </c>
    </row>
    <row r="10" spans="1:13" s="26" customFormat="1" ht="21" customHeight="1" x14ac:dyDescent="0.2">
      <c r="A10" s="133" t="s">
        <v>106</v>
      </c>
      <c r="B10" s="1040" t="s">
        <v>115</v>
      </c>
      <c r="C10" s="1041"/>
      <c r="D10" s="1041"/>
      <c r="E10" s="1041"/>
    </row>
    <row r="11" spans="1:13" s="66" customFormat="1" ht="11.25" customHeight="1" x14ac:dyDescent="0.2">
      <c r="A11" s="160" t="s">
        <v>110</v>
      </c>
      <c r="B11" s="711"/>
      <c r="C11" s="724"/>
      <c r="D11" s="724"/>
      <c r="E11" s="724"/>
    </row>
    <row r="12" spans="1:13" ht="11.25" customHeight="1" x14ac:dyDescent="0.2">
      <c r="A12" s="22" t="s">
        <v>314</v>
      </c>
      <c r="B12" s="697">
        <v>13926525000</v>
      </c>
      <c r="C12" s="715"/>
      <c r="D12" s="715"/>
      <c r="E12" s="715"/>
    </row>
    <row r="13" spans="1:13" ht="11.25" customHeight="1" x14ac:dyDescent="0.2">
      <c r="A13" s="22" t="s">
        <v>315</v>
      </c>
      <c r="B13" s="697">
        <v>14036291731.52</v>
      </c>
      <c r="C13" s="715"/>
      <c r="D13" s="715"/>
      <c r="E13" s="715"/>
    </row>
    <row r="14" spans="1:13" ht="11.25" customHeight="1" x14ac:dyDescent="0.2">
      <c r="A14" s="22" t="s">
        <v>61</v>
      </c>
      <c r="B14" s="697">
        <v>3812094808.0699997</v>
      </c>
      <c r="C14" s="715"/>
      <c r="D14" s="715"/>
      <c r="E14" s="715"/>
    </row>
    <row r="15" spans="1:13" ht="11.25" customHeight="1" x14ac:dyDescent="0.2">
      <c r="A15" s="22" t="s">
        <v>62</v>
      </c>
      <c r="B15" s="697">
        <v>67649953.890000343</v>
      </c>
      <c r="C15" s="715"/>
      <c r="D15" s="715"/>
      <c r="E15" s="715"/>
    </row>
    <row r="16" spans="1:13" ht="11.25" customHeight="1" x14ac:dyDescent="0.2">
      <c r="A16" s="22" t="s">
        <v>63</v>
      </c>
      <c r="B16" s="697">
        <v>0</v>
      </c>
      <c r="C16" s="715"/>
      <c r="D16" s="715"/>
      <c r="E16" s="715"/>
    </row>
    <row r="17" spans="1:5" s="66" customFormat="1" ht="11.25" customHeight="1" x14ac:dyDescent="0.2">
      <c r="A17" s="160" t="s">
        <v>160</v>
      </c>
      <c r="B17" s="697"/>
      <c r="C17" s="715"/>
      <c r="D17" s="715"/>
      <c r="E17" s="715"/>
    </row>
    <row r="18" spans="1:5" ht="11.25" customHeight="1" x14ac:dyDescent="0.2">
      <c r="A18" s="20" t="s">
        <v>64</v>
      </c>
      <c r="B18" s="697">
        <v>13926525000</v>
      </c>
      <c r="C18" s="715"/>
      <c r="D18" s="715"/>
      <c r="E18" s="715"/>
    </row>
    <row r="19" spans="1:5" ht="11.25" customHeight="1" x14ac:dyDescent="0.2">
      <c r="A19" s="20" t="s">
        <v>69</v>
      </c>
      <c r="B19" s="697">
        <v>377232467</v>
      </c>
      <c r="C19" s="715"/>
      <c r="D19" s="715"/>
      <c r="E19" s="715"/>
    </row>
    <row r="20" spans="1:5" ht="11.25" customHeight="1" x14ac:dyDescent="0.2">
      <c r="A20" s="20" t="s">
        <v>65</v>
      </c>
      <c r="B20" s="697">
        <v>14303757467</v>
      </c>
      <c r="C20" s="715"/>
      <c r="D20" s="715"/>
      <c r="E20" s="715"/>
    </row>
    <row r="21" spans="1:5" ht="11.25" customHeight="1" x14ac:dyDescent="0.2">
      <c r="A21" s="20" t="s">
        <v>66</v>
      </c>
      <c r="B21" s="697">
        <v>9008451054.3400002</v>
      </c>
      <c r="C21" s="715"/>
      <c r="D21" s="715"/>
      <c r="E21" s="715"/>
    </row>
    <row r="22" spans="1:5" ht="11.25" customHeight="1" x14ac:dyDescent="0.2">
      <c r="A22" s="22" t="s">
        <v>67</v>
      </c>
      <c r="B22" s="697">
        <v>3879744761.96</v>
      </c>
      <c r="C22" s="715"/>
      <c r="D22" s="715"/>
      <c r="E22" s="715"/>
    </row>
    <row r="23" spans="1:5" ht="11.25" customHeight="1" x14ac:dyDescent="0.2">
      <c r="A23" s="20" t="s">
        <v>550</v>
      </c>
      <c r="B23" s="697">
        <v>3691796679.1000004</v>
      </c>
      <c r="C23" s="715"/>
      <c r="D23" s="715"/>
      <c r="E23" s="715"/>
    </row>
    <row r="24" spans="1:5" ht="11.25" customHeight="1" x14ac:dyDescent="0.2">
      <c r="A24" s="68" t="s">
        <v>68</v>
      </c>
      <c r="B24" s="699">
        <v>0</v>
      </c>
      <c r="C24" s="736"/>
      <c r="D24" s="736"/>
      <c r="E24" s="736"/>
    </row>
    <row r="25" spans="1:5" s="217" customFormat="1" ht="6" customHeight="1" x14ac:dyDescent="0.2">
      <c r="A25" s="68"/>
      <c r="B25" s="666"/>
      <c r="C25" s="666"/>
      <c r="D25" s="666"/>
      <c r="E25" s="666"/>
    </row>
    <row r="26" spans="1:5" ht="21" customHeight="1" x14ac:dyDescent="0.2">
      <c r="A26" s="38" t="s">
        <v>254</v>
      </c>
      <c r="B26" s="749" t="s">
        <v>115</v>
      </c>
      <c r="C26" s="750"/>
      <c r="D26" s="750"/>
      <c r="E26" s="750"/>
    </row>
    <row r="27" spans="1:5" ht="11.25" customHeight="1" x14ac:dyDescent="0.2">
      <c r="A27" s="20" t="s">
        <v>252</v>
      </c>
      <c r="B27" s="707">
        <v>9008451054.3400002</v>
      </c>
      <c r="C27" s="771"/>
      <c r="D27" s="771"/>
      <c r="E27" s="771"/>
    </row>
    <row r="28" spans="1:5" ht="11.25" customHeight="1" x14ac:dyDescent="0.2">
      <c r="A28" s="69" t="s">
        <v>253</v>
      </c>
      <c r="B28" s="699">
        <v>3879744761.9599996</v>
      </c>
      <c r="C28" s="736"/>
      <c r="D28" s="736"/>
      <c r="E28" s="736"/>
    </row>
    <row r="29" spans="1:5" s="264" customFormat="1" ht="6" customHeight="1" x14ac:dyDescent="0.2">
      <c r="A29" s="68"/>
      <c r="B29" s="666"/>
      <c r="C29" s="666"/>
      <c r="D29" s="666"/>
      <c r="E29" s="666"/>
    </row>
    <row r="30" spans="1:5" ht="23.25" customHeight="1" x14ac:dyDescent="0.2">
      <c r="A30" s="37" t="s">
        <v>255</v>
      </c>
      <c r="B30" s="750" t="s">
        <v>115</v>
      </c>
      <c r="C30" s="750"/>
      <c r="D30" s="750"/>
      <c r="E30" s="750"/>
    </row>
    <row r="31" spans="1:5" ht="15" customHeight="1" x14ac:dyDescent="0.2">
      <c r="A31" s="25" t="s">
        <v>256</v>
      </c>
      <c r="B31" s="1036">
        <v>8746464276.0459976</v>
      </c>
      <c r="C31" s="1037"/>
      <c r="D31" s="1037"/>
      <c r="E31" s="1037"/>
    </row>
    <row r="32" spans="1:5" ht="6" customHeight="1" x14ac:dyDescent="0.2">
      <c r="A32" s="20"/>
      <c r="B32" s="70"/>
      <c r="C32" s="71"/>
      <c r="D32" s="28"/>
    </row>
    <row r="33" spans="1:5" ht="21.75" customHeight="1" x14ac:dyDescent="0.2">
      <c r="A33" s="38" t="s">
        <v>70</v>
      </c>
      <c r="B33" s="749" t="s">
        <v>115</v>
      </c>
      <c r="C33" s="750"/>
      <c r="D33" s="750"/>
      <c r="E33" s="750"/>
    </row>
    <row r="34" spans="1:5" s="226" customFormat="1" ht="11.25" customHeight="1" x14ac:dyDescent="0.2">
      <c r="A34" s="155" t="s">
        <v>257</v>
      </c>
      <c r="B34" s="1038"/>
      <c r="C34" s="1039"/>
      <c r="D34" s="1039"/>
      <c r="E34" s="1039"/>
    </row>
    <row r="35" spans="1:5" ht="11.25" customHeight="1" x14ac:dyDescent="0.2">
      <c r="A35" s="20" t="s">
        <v>71</v>
      </c>
      <c r="B35" s="1031"/>
      <c r="C35" s="1032"/>
      <c r="D35" s="1032"/>
      <c r="E35" s="1032"/>
    </row>
    <row r="36" spans="1:5" ht="11.25" customHeight="1" x14ac:dyDescent="0.2">
      <c r="A36" s="20" t="s">
        <v>72</v>
      </c>
      <c r="B36" s="1031"/>
      <c r="C36" s="1032"/>
      <c r="D36" s="1032"/>
      <c r="E36" s="1032"/>
    </row>
    <row r="37" spans="1:5" ht="11.25" customHeight="1" x14ac:dyDescent="0.2">
      <c r="A37" s="20" t="s">
        <v>103</v>
      </c>
      <c r="B37" s="1031"/>
      <c r="C37" s="1032"/>
      <c r="D37" s="1032"/>
      <c r="E37" s="1032"/>
    </row>
    <row r="38" spans="1:5" ht="11.25" customHeight="1" x14ac:dyDescent="0.2">
      <c r="A38" s="155" t="s">
        <v>316</v>
      </c>
      <c r="B38" s="1031"/>
      <c r="C38" s="1032"/>
      <c r="D38" s="1032"/>
      <c r="E38" s="1032"/>
    </row>
    <row r="39" spans="1:5" s="66" customFormat="1" ht="11.25" customHeight="1" x14ac:dyDescent="0.2">
      <c r="A39" s="217" t="s">
        <v>73</v>
      </c>
      <c r="B39" s="1031">
        <v>348808591.49000001</v>
      </c>
      <c r="C39" s="1032"/>
      <c r="D39" s="1032"/>
      <c r="E39" s="1032"/>
    </row>
    <row r="40" spans="1:5" ht="11.25" customHeight="1" x14ac:dyDescent="0.2">
      <c r="A40" s="20" t="s">
        <v>74</v>
      </c>
      <c r="B40" s="1031">
        <v>838553239.81000018</v>
      </c>
      <c r="C40" s="1032"/>
      <c r="D40" s="1032"/>
      <c r="E40" s="1032"/>
    </row>
    <row r="41" spans="1:5" ht="11.25" customHeight="1" x14ac:dyDescent="0.2">
      <c r="A41" s="68" t="s">
        <v>104</v>
      </c>
      <c r="B41" s="1024">
        <v>-489744648.32000017</v>
      </c>
      <c r="C41" s="1028"/>
      <c r="D41" s="1028"/>
      <c r="E41" s="1028"/>
    </row>
    <row r="42" spans="1:5" ht="6" customHeight="1" x14ac:dyDescent="0.2">
      <c r="E42" s="20"/>
    </row>
    <row r="43" spans="1:5" ht="11.25" customHeight="1" x14ac:dyDescent="0.2">
      <c r="A43" s="35"/>
      <c r="B43" s="32" t="s">
        <v>260</v>
      </c>
      <c r="C43" s="32" t="s">
        <v>900</v>
      </c>
      <c r="D43" s="772" t="s">
        <v>261</v>
      </c>
      <c r="E43" s="773"/>
    </row>
    <row r="44" spans="1:5" ht="11.25" customHeight="1" x14ac:dyDescent="0.2">
      <c r="A44" s="41" t="s">
        <v>262</v>
      </c>
      <c r="B44" s="33" t="s">
        <v>263</v>
      </c>
      <c r="C44" s="33" t="s">
        <v>901</v>
      </c>
      <c r="D44" s="810"/>
      <c r="E44" s="812"/>
    </row>
    <row r="45" spans="1:5" ht="11.25" customHeight="1" x14ac:dyDescent="0.2">
      <c r="A45" s="72"/>
      <c r="B45" s="33" t="s">
        <v>264</v>
      </c>
      <c r="C45" s="668" t="s">
        <v>115</v>
      </c>
      <c r="D45" s="810" t="s">
        <v>118</v>
      </c>
      <c r="E45" s="812"/>
    </row>
    <row r="46" spans="1:5" ht="11.25" customHeight="1" x14ac:dyDescent="0.2">
      <c r="A46" s="49"/>
      <c r="B46" s="73" t="s">
        <v>116</v>
      </c>
      <c r="C46" s="667" t="s">
        <v>117</v>
      </c>
      <c r="D46" s="811"/>
      <c r="E46" s="841"/>
    </row>
    <row r="47" spans="1:5" ht="11.25" customHeight="1" x14ac:dyDescent="0.2">
      <c r="A47" s="22" t="s">
        <v>265</v>
      </c>
      <c r="B47" s="364">
        <v>-297236000</v>
      </c>
      <c r="C47" s="364">
        <v>-182382109.01000118</v>
      </c>
      <c r="D47" s="1026">
        <v>61.359360578799738</v>
      </c>
      <c r="E47" s="1027"/>
    </row>
    <row r="48" spans="1:5" ht="11.25" customHeight="1" x14ac:dyDescent="0.2">
      <c r="A48" s="69" t="s">
        <v>266</v>
      </c>
      <c r="B48" s="365">
        <v>849118000</v>
      </c>
      <c r="C48" s="465">
        <v>-516553589.74999952</v>
      </c>
      <c r="D48" s="1024">
        <v>-60.834134919999286</v>
      </c>
      <c r="E48" s="1028"/>
    </row>
    <row r="49" spans="1:6" ht="6" customHeight="1" x14ac:dyDescent="0.2"/>
    <row r="50" spans="1:6" ht="11.25" customHeight="1" x14ac:dyDescent="0.2">
      <c r="A50" s="774" t="s">
        <v>75</v>
      </c>
      <c r="B50" s="775" t="s">
        <v>267</v>
      </c>
      <c r="C50" s="32" t="s">
        <v>268</v>
      </c>
      <c r="D50" s="34" t="s">
        <v>551</v>
      </c>
      <c r="E50" s="34" t="s">
        <v>269</v>
      </c>
    </row>
    <row r="51" spans="1:6" ht="11.25" customHeight="1" x14ac:dyDescent="0.2">
      <c r="A51" s="778"/>
      <c r="B51" s="776"/>
      <c r="C51" s="73" t="s">
        <v>115</v>
      </c>
      <c r="D51" s="39" t="s">
        <v>115</v>
      </c>
      <c r="E51" s="39" t="s">
        <v>5</v>
      </c>
    </row>
    <row r="52" spans="1:6" s="66" customFormat="1" ht="11.25" customHeight="1" x14ac:dyDescent="0.2">
      <c r="A52" s="142" t="s">
        <v>270</v>
      </c>
      <c r="B52" s="458">
        <v>265590396.53</v>
      </c>
      <c r="C52" s="318">
        <v>113915.96</v>
      </c>
      <c r="D52" s="459">
        <v>166125981.73999998</v>
      </c>
      <c r="E52" s="459">
        <v>99350498.829999998</v>
      </c>
      <c r="F52" s="205"/>
    </row>
    <row r="53" spans="1:6" ht="11.25" customHeight="1" x14ac:dyDescent="0.2">
      <c r="A53" s="22" t="s">
        <v>271</v>
      </c>
      <c r="B53" s="228">
        <v>217128968.44</v>
      </c>
      <c r="C53" s="460">
        <v>113915.96</v>
      </c>
      <c r="D53" s="460">
        <v>120276211.67999999</v>
      </c>
      <c r="E53" s="460">
        <v>96738840.799999997</v>
      </c>
    </row>
    <row r="54" spans="1:6" ht="11.25" customHeight="1" x14ac:dyDescent="0.2">
      <c r="A54" s="22" t="s">
        <v>272</v>
      </c>
      <c r="B54" s="228">
        <v>15110230.220000001</v>
      </c>
      <c r="C54" s="460">
        <v>0</v>
      </c>
      <c r="D54" s="460">
        <v>12867744.35</v>
      </c>
      <c r="E54" s="460">
        <v>2242485.870000001</v>
      </c>
    </row>
    <row r="55" spans="1:6" ht="11.25" customHeight="1" x14ac:dyDescent="0.2">
      <c r="A55" s="22" t="s">
        <v>273</v>
      </c>
      <c r="B55" s="228">
        <v>33313242.68</v>
      </c>
      <c r="C55" s="460">
        <v>0</v>
      </c>
      <c r="D55" s="460">
        <v>32950208.650000002</v>
      </c>
      <c r="E55" s="460">
        <v>363034.02999999747</v>
      </c>
    </row>
    <row r="56" spans="1:6" ht="11.25" customHeight="1" x14ac:dyDescent="0.2">
      <c r="A56" s="22" t="s">
        <v>274</v>
      </c>
      <c r="B56" s="228">
        <v>37955.19</v>
      </c>
      <c r="C56" s="460">
        <v>0</v>
      </c>
      <c r="D56" s="460">
        <v>31817.06</v>
      </c>
      <c r="E56" s="460">
        <v>6138.130000000001</v>
      </c>
    </row>
    <row r="57" spans="1:6" s="66" customFormat="1" ht="11.25" customHeight="1" x14ac:dyDescent="0.2">
      <c r="A57" s="142" t="s">
        <v>275</v>
      </c>
      <c r="B57" s="458">
        <v>513260947.21000004</v>
      </c>
      <c r="C57" s="458">
        <v>307709.51</v>
      </c>
      <c r="D57" s="458">
        <v>187755191.00000003</v>
      </c>
      <c r="E57" s="318">
        <v>325198046.70000005</v>
      </c>
    </row>
    <row r="58" spans="1:6" ht="11.25" customHeight="1" x14ac:dyDescent="0.2">
      <c r="A58" s="22" t="s">
        <v>271</v>
      </c>
      <c r="B58" s="228">
        <v>491216157.98000002</v>
      </c>
      <c r="C58" s="460">
        <v>307709.51</v>
      </c>
      <c r="D58" s="460">
        <v>174722783.27000001</v>
      </c>
      <c r="E58" s="460">
        <v>316185665.20000005</v>
      </c>
    </row>
    <row r="59" spans="1:6" ht="11.25" customHeight="1" x14ac:dyDescent="0.2">
      <c r="A59" s="22" t="s">
        <v>272</v>
      </c>
      <c r="B59" s="228">
        <v>2405217.27</v>
      </c>
      <c r="C59" s="460">
        <v>0</v>
      </c>
      <c r="D59" s="460">
        <v>2405217.27</v>
      </c>
      <c r="E59" s="460">
        <v>0</v>
      </c>
    </row>
    <row r="60" spans="1:6" ht="11.25" customHeight="1" x14ac:dyDescent="0.2">
      <c r="A60" s="22" t="s">
        <v>273</v>
      </c>
      <c r="B60" s="228">
        <v>5240147.9800000004</v>
      </c>
      <c r="C60" s="460">
        <v>0</v>
      </c>
      <c r="D60" s="460">
        <v>2754388.55</v>
      </c>
      <c r="E60" s="460">
        <v>2485759.4300000006</v>
      </c>
    </row>
    <row r="61" spans="1:6" ht="11.25" customHeight="1" x14ac:dyDescent="0.2">
      <c r="A61" s="22" t="s">
        <v>274</v>
      </c>
      <c r="B61" s="228">
        <v>14399423.979999999</v>
      </c>
      <c r="C61" s="460">
        <v>0</v>
      </c>
      <c r="D61" s="461">
        <v>7872801.9100000001</v>
      </c>
      <c r="E61" s="461">
        <v>6526622.0699999984</v>
      </c>
    </row>
    <row r="62" spans="1:6" ht="11.25" customHeight="1" x14ac:dyDescent="0.2">
      <c r="A62" s="251" t="s">
        <v>170</v>
      </c>
      <c r="B62" s="462">
        <v>778851343.74000001</v>
      </c>
      <c r="C62" s="462">
        <v>421625.47000000003</v>
      </c>
      <c r="D62" s="462">
        <v>353881172.74000001</v>
      </c>
      <c r="E62" s="229">
        <v>424548545.53000003</v>
      </c>
    </row>
    <row r="63" spans="1:6" s="217" customFormat="1" ht="6" customHeight="1" x14ac:dyDescent="0.2">
      <c r="A63" s="674"/>
      <c r="B63" s="672"/>
      <c r="C63" s="673"/>
      <c r="D63" s="673"/>
      <c r="E63" s="673"/>
    </row>
    <row r="64" spans="1:6" ht="11.25" customHeight="1" x14ac:dyDescent="0.2">
      <c r="A64" s="35"/>
      <c r="B64" s="775" t="s">
        <v>276</v>
      </c>
      <c r="C64" s="749" t="s">
        <v>277</v>
      </c>
      <c r="D64" s="750"/>
      <c r="E64" s="750"/>
    </row>
    <row r="65" spans="1:5" ht="11.25" customHeight="1" x14ac:dyDescent="0.2">
      <c r="A65" s="41" t="s">
        <v>76</v>
      </c>
      <c r="B65" s="804"/>
      <c r="C65" s="34" t="s">
        <v>278</v>
      </c>
      <c r="D65" s="772" t="s">
        <v>293</v>
      </c>
      <c r="E65" s="773"/>
    </row>
    <row r="66" spans="1:5" ht="11.25" customHeight="1" x14ac:dyDescent="0.2">
      <c r="A66" s="40"/>
      <c r="B66" s="40" t="s">
        <v>115</v>
      </c>
      <c r="C66" s="73" t="s">
        <v>294</v>
      </c>
      <c r="D66" s="811"/>
      <c r="E66" s="841"/>
    </row>
    <row r="67" spans="1:5" ht="10.5" x14ac:dyDescent="0.2">
      <c r="A67" s="288" t="s">
        <v>795</v>
      </c>
      <c r="B67" s="228">
        <v>1288936832.6630001</v>
      </c>
      <c r="C67" s="499">
        <v>25</v>
      </c>
      <c r="D67" s="1033">
        <v>47.791116732788396</v>
      </c>
      <c r="E67" s="1034"/>
    </row>
    <row r="68" spans="1:5" ht="10.5" x14ac:dyDescent="0.2">
      <c r="A68" s="288" t="s">
        <v>77</v>
      </c>
      <c r="B68" s="228">
        <v>335240596.56999999</v>
      </c>
      <c r="C68" s="499">
        <v>60</v>
      </c>
      <c r="D68" s="1031">
        <v>106.48750974420642</v>
      </c>
      <c r="E68" s="1032"/>
    </row>
    <row r="69" spans="1:5" ht="15" customHeight="1" x14ac:dyDescent="0.2">
      <c r="A69" s="288" t="s">
        <v>78</v>
      </c>
      <c r="B69" s="228">
        <v>0</v>
      </c>
      <c r="C69" s="499">
        <v>60</v>
      </c>
      <c r="D69" s="1031">
        <v>0</v>
      </c>
      <c r="E69" s="1032"/>
    </row>
    <row r="70" spans="1:5" ht="10.5" x14ac:dyDescent="0.2">
      <c r="A70" s="289" t="s">
        <v>79</v>
      </c>
      <c r="B70" s="365">
        <v>0</v>
      </c>
      <c r="C70" s="619">
        <v>0</v>
      </c>
      <c r="D70" s="1024">
        <v>0</v>
      </c>
      <c r="E70" s="1028"/>
    </row>
    <row r="71" spans="1:5" s="217" customFormat="1" ht="6" customHeight="1" x14ac:dyDescent="0.2">
      <c r="A71" s="384"/>
      <c r="B71" s="675"/>
      <c r="C71" s="669"/>
      <c r="D71" s="669"/>
      <c r="E71" s="669"/>
    </row>
    <row r="72" spans="1:5" ht="21.75" customHeight="1" x14ac:dyDescent="0.2">
      <c r="A72" s="35" t="s">
        <v>295</v>
      </c>
      <c r="B72" s="749" t="s">
        <v>296</v>
      </c>
      <c r="C72" s="751"/>
      <c r="D72" s="749" t="s">
        <v>348</v>
      </c>
      <c r="E72" s="750"/>
    </row>
    <row r="73" spans="1:5" ht="11.25" customHeight="1" x14ac:dyDescent="0.2">
      <c r="A73" s="21" t="s">
        <v>298</v>
      </c>
      <c r="B73" s="1026"/>
      <c r="C73" s="1035"/>
      <c r="D73" s="1026"/>
      <c r="E73" s="1027"/>
    </row>
    <row r="74" spans="1:5" ht="11.25" customHeight="1" x14ac:dyDescent="0.2">
      <c r="A74" s="69" t="s">
        <v>299</v>
      </c>
      <c r="B74" s="1024"/>
      <c r="C74" s="1025"/>
      <c r="D74" s="1024"/>
      <c r="E74" s="1028"/>
    </row>
    <row r="75" spans="1:5" s="217" customFormat="1" ht="6" customHeight="1" x14ac:dyDescent="0.2">
      <c r="A75" s="68"/>
      <c r="B75" s="669"/>
      <c r="C75" s="669"/>
      <c r="D75" s="669"/>
      <c r="E75" s="669"/>
    </row>
    <row r="76" spans="1:5" ht="21.75" customHeight="1" x14ac:dyDescent="0.2">
      <c r="A76" s="38" t="s">
        <v>300</v>
      </c>
      <c r="B76" s="2" t="s">
        <v>301</v>
      </c>
      <c r="C76" s="3" t="s">
        <v>302</v>
      </c>
      <c r="D76" s="2" t="s">
        <v>303</v>
      </c>
      <c r="E76" s="36" t="s">
        <v>304</v>
      </c>
    </row>
    <row r="77" spans="1:5" s="66" customFormat="1" ht="11.25" customHeight="1" x14ac:dyDescent="0.2">
      <c r="A77" s="142" t="s">
        <v>257</v>
      </c>
      <c r="B77" s="620"/>
      <c r="C77" s="620"/>
      <c r="D77" s="620"/>
      <c r="E77" s="459"/>
    </row>
    <row r="78" spans="1:5" ht="11.25" customHeight="1" x14ac:dyDescent="0.2">
      <c r="A78" s="22" t="s">
        <v>258</v>
      </c>
      <c r="B78" s="500"/>
      <c r="C78" s="500"/>
      <c r="D78" s="500"/>
      <c r="E78" s="460"/>
    </row>
    <row r="79" spans="1:5" ht="11.25" customHeight="1" x14ac:dyDescent="0.2">
      <c r="A79" s="22" t="s">
        <v>259</v>
      </c>
      <c r="B79" s="500"/>
      <c r="C79" s="500"/>
      <c r="D79" s="500"/>
      <c r="E79" s="460"/>
    </row>
    <row r="80" spans="1:5" ht="11.25" customHeight="1" x14ac:dyDescent="0.2">
      <c r="A80" s="22" t="s">
        <v>103</v>
      </c>
      <c r="B80" s="500"/>
      <c r="C80" s="500"/>
      <c r="D80" s="500"/>
      <c r="E80" s="460"/>
    </row>
    <row r="81" spans="1:5" s="66" customFormat="1" ht="11.25" customHeight="1" x14ac:dyDescent="0.2">
      <c r="A81" s="142" t="s">
        <v>316</v>
      </c>
      <c r="B81" s="506"/>
      <c r="C81" s="506"/>
      <c r="D81" s="506"/>
      <c r="E81" s="318"/>
    </row>
    <row r="82" spans="1:5" ht="11.25" customHeight="1" x14ac:dyDescent="0.2">
      <c r="A82" s="22" t="s">
        <v>6</v>
      </c>
      <c r="B82" s="500"/>
      <c r="C82" s="500"/>
      <c r="D82" s="500"/>
      <c r="E82" s="460"/>
    </row>
    <row r="83" spans="1:5" ht="11.25" customHeight="1" x14ac:dyDescent="0.2">
      <c r="A83" s="22" t="s">
        <v>7</v>
      </c>
      <c r="B83" s="500"/>
      <c r="C83" s="500"/>
      <c r="D83" s="500"/>
      <c r="E83" s="460"/>
    </row>
    <row r="84" spans="1:5" s="217" customFormat="1" ht="11.25" customHeight="1" x14ac:dyDescent="0.2">
      <c r="A84" s="69" t="s">
        <v>104</v>
      </c>
      <c r="B84" s="465"/>
      <c r="C84" s="465"/>
      <c r="D84" s="465"/>
      <c r="E84" s="461"/>
    </row>
    <row r="85" spans="1:5" s="217" customFormat="1" ht="6" customHeight="1" x14ac:dyDescent="0.2">
      <c r="B85" s="677"/>
      <c r="C85" s="677"/>
      <c r="D85" s="677"/>
      <c r="E85" s="677"/>
    </row>
    <row r="86" spans="1:5" ht="21" customHeight="1" x14ac:dyDescent="0.2">
      <c r="A86" s="38" t="s">
        <v>305</v>
      </c>
      <c r="B86" s="749" t="s">
        <v>296</v>
      </c>
      <c r="C86" s="751"/>
      <c r="D86" s="749" t="s">
        <v>297</v>
      </c>
      <c r="E86" s="750"/>
    </row>
    <row r="87" spans="1:5" ht="11.25" customHeight="1" x14ac:dyDescent="0.2">
      <c r="A87" s="22" t="s">
        <v>306</v>
      </c>
      <c r="B87" s="1026"/>
      <c r="C87" s="1035"/>
      <c r="D87" s="1026"/>
      <c r="E87" s="1027"/>
    </row>
    <row r="88" spans="1:5" ht="11.25" customHeight="1" x14ac:dyDescent="0.2">
      <c r="A88" s="69" t="s">
        <v>307</v>
      </c>
      <c r="B88" s="1024"/>
      <c r="C88" s="1025"/>
      <c r="D88" s="1024"/>
      <c r="E88" s="1028"/>
    </row>
    <row r="89" spans="1:5" s="217" customFormat="1" ht="6" customHeight="1" x14ac:dyDescent="0.2">
      <c r="A89" s="68"/>
      <c r="B89" s="68"/>
      <c r="C89" s="28"/>
    </row>
    <row r="90" spans="1:5" ht="15" customHeight="1" x14ac:dyDescent="0.2">
      <c r="A90" s="35"/>
      <c r="B90" s="786" t="s">
        <v>794</v>
      </c>
      <c r="C90" s="749" t="s">
        <v>308</v>
      </c>
      <c r="D90" s="750"/>
      <c r="E90" s="750"/>
    </row>
    <row r="91" spans="1:5" ht="13.5" customHeight="1" x14ac:dyDescent="0.2">
      <c r="A91" s="41" t="s">
        <v>243</v>
      </c>
      <c r="B91" s="1000"/>
      <c r="C91" s="34" t="s">
        <v>278</v>
      </c>
      <c r="D91" s="772" t="s">
        <v>293</v>
      </c>
      <c r="E91" s="773"/>
    </row>
    <row r="92" spans="1:5" ht="12.75" customHeight="1" x14ac:dyDescent="0.2">
      <c r="A92" s="40"/>
      <c r="B92" s="787"/>
      <c r="C92" s="73" t="s">
        <v>294</v>
      </c>
      <c r="D92" s="811"/>
      <c r="E92" s="841"/>
    </row>
    <row r="93" spans="1:5" ht="15" customHeight="1" x14ac:dyDescent="0.2">
      <c r="A93" s="671" t="s">
        <v>429</v>
      </c>
      <c r="B93" s="634">
        <v>415611564.44000006</v>
      </c>
      <c r="C93" s="635">
        <v>12</v>
      </c>
      <c r="D93" s="1029">
        <v>15.410018775405748</v>
      </c>
      <c r="E93" s="1030"/>
    </row>
    <row r="94" spans="1:5" ht="6" customHeight="1" x14ac:dyDescent="0.2">
      <c r="A94" s="25"/>
      <c r="B94" s="25"/>
      <c r="C94" s="75"/>
      <c r="D94" s="25"/>
      <c r="E94" s="25"/>
    </row>
    <row r="95" spans="1:5" ht="21.75" customHeight="1" x14ac:dyDescent="0.2">
      <c r="A95" s="4" t="s">
        <v>81</v>
      </c>
      <c r="B95" s="749" t="s">
        <v>80</v>
      </c>
      <c r="C95" s="750"/>
      <c r="D95" s="750"/>
      <c r="E95" s="750"/>
    </row>
    <row r="96" spans="1:5" s="264" customFormat="1" ht="15" customHeight="1" x14ac:dyDescent="0.2">
      <c r="A96" s="676" t="s">
        <v>210</v>
      </c>
      <c r="B96" s="1029"/>
      <c r="C96" s="1030"/>
      <c r="D96" s="1030"/>
      <c r="E96" s="1030"/>
    </row>
    <row r="97" spans="1:21" ht="10.5" x14ac:dyDescent="0.2">
      <c r="A97" s="182" t="s">
        <v>848</v>
      </c>
      <c r="B97" s="182"/>
      <c r="C97" s="182"/>
      <c r="D97" s="182"/>
      <c r="E97" s="293"/>
      <c r="F97" s="17"/>
      <c r="G97" s="17"/>
      <c r="H97" s="17"/>
      <c r="I97" s="17"/>
      <c r="J97" s="17"/>
      <c r="K97" s="17"/>
      <c r="L97" s="17"/>
      <c r="M97" s="17"/>
      <c r="N97" s="17"/>
      <c r="O97" s="17"/>
      <c r="P97" s="17"/>
      <c r="Q97" s="17"/>
      <c r="R97" s="17"/>
      <c r="S97" s="17"/>
      <c r="T97" s="17"/>
      <c r="U97" s="17"/>
    </row>
    <row r="98" spans="1:21" ht="11.25" customHeight="1" x14ac:dyDescent="0.2">
      <c r="A98" s="20"/>
    </row>
    <row r="100" spans="1:21" s="264" customFormat="1" ht="11.25" customHeight="1" x14ac:dyDescent="0.2">
      <c r="C100" s="67"/>
    </row>
    <row r="101" spans="1:21" s="264" customFormat="1" ht="11.25" customHeight="1" x14ac:dyDescent="0.2">
      <c r="C101" s="67"/>
    </row>
    <row r="107" spans="1:21" s="45" customFormat="1" ht="11.25" customHeight="1" x14ac:dyDescent="0.2"/>
    <row r="108" spans="1:21" s="45" customFormat="1" ht="11.25" customHeight="1" x14ac:dyDescent="0.2"/>
    <row r="109" spans="1:21" s="45" customFormat="1" ht="11.25" customHeight="1" x14ac:dyDescent="0.2"/>
    <row r="110" spans="1:21" s="45" customFormat="1" ht="11.25" customHeight="1" x14ac:dyDescent="0.2"/>
    <row r="111" spans="1:21" s="45" customFormat="1" ht="11.25" customHeight="1" x14ac:dyDescent="0.2"/>
    <row r="112" spans="1:21" s="45" customFormat="1" ht="11.25" customHeight="1" x14ac:dyDescent="0.2"/>
    <row r="113" s="45" customFormat="1" ht="11.25" customHeight="1" x14ac:dyDescent="0.2"/>
  </sheetData>
  <customSheetViews>
    <customSheetView guid="{6DBFA32C-4AA4-4E1D-9A48-697377C64CC3}" showPageBreaks="1" showGridLines="0" fitToPage="1" printArea="1">
      <selection activeCell="H9" sqref="H9"/>
      <pageMargins left="0.19685039370078741" right="0.19685039370078741" top="0.59055118110236227" bottom="0.19685039370078741" header="0" footer="0"/>
      <printOptions horizontalCentered="1"/>
      <pageSetup paperSize="9" scale="62" orientation="portrait" r:id="rId1"/>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61" orientation="portrait" r:id="rId2"/>
      <headerFooter alignWithMargins="0"/>
    </customSheetView>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61" orientation="portrait" r:id="rId3"/>
      <headerFooter alignWithMargins="0"/>
    </customSheetView>
    <customSheetView guid="{25EF1E0D-169B-4051-B414-7E1196FC05E4}" showGridLines="0" fitToPage="1">
      <selection activeCell="A8" sqref="A8"/>
      <pageMargins left="0.19685039370078741" right="0.19685039370078741" top="0.59055118110236227" bottom="0.19685039370078741" header="0" footer="0"/>
      <printOptions horizontalCentered="1"/>
      <pageSetup paperSize="9" scale="61" orientation="portrait" r:id="rId4"/>
      <headerFooter alignWithMargins="0"/>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61" orientation="portrait" r:id="rId5"/>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6"/>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7"/>
      <headerFooter alignWithMargins="0"/>
    </customSheetView>
    <customSheetView guid="{82EDB5A4-4824-4632-A540-7A52C92F04C7}" showPageBreaks="1" showGridLines="0" fitToPage="1" printArea="1" topLeftCell="A37">
      <selection activeCell="M83" sqref="M83"/>
      <pageMargins left="0.19685039370078741" right="0.19685039370078741" top="0.59055118110236227" bottom="0.19685039370078741" header="0" footer="0"/>
      <printOptions horizontalCentered="1"/>
      <pageSetup paperSize="9" scale="62" orientation="portrait" r:id="rId8"/>
      <headerFooter alignWithMargins="0"/>
    </customSheetView>
  </customSheetViews>
  <mergeCells count="65">
    <mergeCell ref="D43:E44"/>
    <mergeCell ref="B11:E11"/>
    <mergeCell ref="B12:E12"/>
    <mergeCell ref="B13:E13"/>
    <mergeCell ref="B14:E14"/>
    <mergeCell ref="B15:E15"/>
    <mergeCell ref="B16:E16"/>
    <mergeCell ref="B17:E17"/>
    <mergeCell ref="B18:E18"/>
    <mergeCell ref="B19:E19"/>
    <mergeCell ref="B20:E20"/>
    <mergeCell ref="B21:E21"/>
    <mergeCell ref="B22:E22"/>
    <mergeCell ref="B23:E23"/>
    <mergeCell ref="B24:E24"/>
    <mergeCell ref="B27:E27"/>
    <mergeCell ref="A3:E3"/>
    <mergeCell ref="A4:E4"/>
    <mergeCell ref="A5:E5"/>
    <mergeCell ref="A6:E6"/>
    <mergeCell ref="B10:E10"/>
    <mergeCell ref="A7:E7"/>
    <mergeCell ref="B74:C74"/>
    <mergeCell ref="D73:E73"/>
    <mergeCell ref="D74:E74"/>
    <mergeCell ref="B87:C87"/>
    <mergeCell ref="A50:A51"/>
    <mergeCell ref="B50:B51"/>
    <mergeCell ref="B72:C72"/>
    <mergeCell ref="D72:E72"/>
    <mergeCell ref="B86:C86"/>
    <mergeCell ref="D86:E86"/>
    <mergeCell ref="B64:B65"/>
    <mergeCell ref="B96:E96"/>
    <mergeCell ref="B90:B92"/>
    <mergeCell ref="D91:E92"/>
    <mergeCell ref="B95:E95"/>
    <mergeCell ref="C90:E90"/>
    <mergeCell ref="B28:E28"/>
    <mergeCell ref="B31:E31"/>
    <mergeCell ref="B34:E34"/>
    <mergeCell ref="B26:E26"/>
    <mergeCell ref="B30:E30"/>
    <mergeCell ref="B33:E33"/>
    <mergeCell ref="B35:E35"/>
    <mergeCell ref="B36:E36"/>
    <mergeCell ref="B37:E37"/>
    <mergeCell ref="B38:E38"/>
    <mergeCell ref="B39:E39"/>
    <mergeCell ref="B88:C88"/>
    <mergeCell ref="D87:E87"/>
    <mergeCell ref="D88:E88"/>
    <mergeCell ref="D93:E93"/>
    <mergeCell ref="B40:E40"/>
    <mergeCell ref="B41:E41"/>
    <mergeCell ref="D67:E67"/>
    <mergeCell ref="D68:E68"/>
    <mergeCell ref="D65:E66"/>
    <mergeCell ref="C64:E64"/>
    <mergeCell ref="D45:E46"/>
    <mergeCell ref="D47:E47"/>
    <mergeCell ref="D48:E48"/>
    <mergeCell ref="D69:E69"/>
    <mergeCell ref="D70:E70"/>
    <mergeCell ref="B73:C73"/>
  </mergeCells>
  <phoneticPr fontId="0" type="noConversion"/>
  <printOptions horizontalCentered="1"/>
  <pageMargins left="0.19685039370078741" right="0.19685039370078741" top="0.59055118110236227" bottom="0.19685039370078741" header="0" footer="0"/>
  <pageSetup paperSize="9" scale="60" orientation="portrait" r:id="rId9"/>
  <headerFooter alignWithMargins="0"/>
  <drawing r:id="rId1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94"/>
  <sheetViews>
    <sheetView showGridLines="0" zoomScaleNormal="100" workbookViewId="0"/>
  </sheetViews>
  <sheetFormatPr defaultRowHeight="11.25" customHeight="1" x14ac:dyDescent="0.2"/>
  <cols>
    <col min="1" max="1" width="57.42578125" style="45" customWidth="1"/>
    <col min="2" max="2" width="16.7109375" style="45" customWidth="1"/>
    <col min="3" max="3" width="19" style="45" bestFit="1" customWidth="1"/>
    <col min="4" max="10" width="16.7109375" style="45" customWidth="1"/>
    <col min="11" max="11" width="8" style="45" bestFit="1" customWidth="1"/>
    <col min="12" max="12" width="17.28515625" style="45" bestFit="1"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290"/>
      <c r="B1" s="290"/>
      <c r="C1" s="290"/>
      <c r="D1" s="290"/>
      <c r="E1" s="290"/>
      <c r="F1" s="290"/>
      <c r="G1" s="290"/>
      <c r="H1" s="290"/>
      <c r="I1" s="290"/>
      <c r="J1" s="290"/>
      <c r="K1" s="290"/>
      <c r="L1" s="290"/>
    </row>
    <row r="2" spans="1:14" s="26" customFormat="1" ht="10.5" x14ac:dyDescent="0.2">
      <c r="A2" s="760"/>
      <c r="B2" s="760"/>
      <c r="C2" s="760"/>
      <c r="D2" s="760"/>
      <c r="E2" s="760"/>
      <c r="F2" s="760"/>
      <c r="G2" s="760"/>
      <c r="H2" s="760"/>
      <c r="I2" s="760"/>
      <c r="J2" s="760"/>
      <c r="K2" s="760"/>
      <c r="L2" s="760"/>
    </row>
    <row r="3" spans="1:14" ht="10.5" x14ac:dyDescent="0.2">
      <c r="A3" s="740" t="s">
        <v>638</v>
      </c>
      <c r="B3" s="740"/>
      <c r="C3" s="740"/>
      <c r="D3" s="740"/>
      <c r="E3" s="740"/>
      <c r="F3" s="740"/>
      <c r="G3" s="740"/>
      <c r="H3" s="740"/>
      <c r="I3" s="740"/>
      <c r="J3" s="740"/>
      <c r="K3" s="740"/>
      <c r="L3" s="740"/>
    </row>
    <row r="4" spans="1:14" ht="10.5" x14ac:dyDescent="0.2">
      <c r="A4" s="740" t="s">
        <v>105</v>
      </c>
      <c r="B4" s="740"/>
      <c r="C4" s="740"/>
      <c r="D4" s="740"/>
      <c r="E4" s="740"/>
      <c r="F4" s="740"/>
      <c r="G4" s="740"/>
      <c r="H4" s="740"/>
      <c r="I4" s="740"/>
      <c r="J4" s="740"/>
      <c r="K4" s="740"/>
      <c r="L4" s="740"/>
    </row>
    <row r="5" spans="1:14" ht="10.5" x14ac:dyDescent="0.2">
      <c r="A5" s="740" t="s">
        <v>106</v>
      </c>
      <c r="B5" s="740"/>
      <c r="C5" s="740"/>
      <c r="D5" s="740"/>
      <c r="E5" s="740"/>
      <c r="F5" s="740"/>
      <c r="G5" s="740"/>
      <c r="H5" s="740"/>
      <c r="I5" s="740"/>
      <c r="J5" s="740"/>
      <c r="K5" s="740"/>
      <c r="L5" s="740"/>
    </row>
    <row r="6" spans="1:14" ht="10.5" x14ac:dyDescent="0.2">
      <c r="A6" s="740" t="s">
        <v>107</v>
      </c>
      <c r="B6" s="740"/>
      <c r="C6" s="740"/>
      <c r="D6" s="740"/>
      <c r="E6" s="740"/>
      <c r="F6" s="740"/>
      <c r="G6" s="740"/>
      <c r="H6" s="740"/>
      <c r="I6" s="740"/>
      <c r="J6" s="740"/>
      <c r="K6" s="740"/>
      <c r="L6" s="740"/>
    </row>
    <row r="7" spans="1:14" ht="10.5" x14ac:dyDescent="0.2">
      <c r="A7" s="740" t="s">
        <v>902</v>
      </c>
      <c r="B7" s="740"/>
      <c r="C7" s="740"/>
      <c r="D7" s="740"/>
      <c r="E7" s="740"/>
      <c r="F7" s="740"/>
      <c r="G7" s="740"/>
      <c r="H7" s="740"/>
      <c r="I7" s="740"/>
      <c r="J7" s="740"/>
      <c r="K7" s="740"/>
      <c r="L7" s="740"/>
    </row>
    <row r="8" spans="1:14" s="26" customFormat="1" ht="10.5" x14ac:dyDescent="0.2">
      <c r="A8" s="46"/>
      <c r="B8" s="46"/>
      <c r="C8" s="46"/>
      <c r="D8" s="415"/>
      <c r="E8" s="415"/>
      <c r="F8" s="46"/>
      <c r="G8" s="46"/>
      <c r="H8" s="46"/>
      <c r="I8" s="46"/>
      <c r="J8" s="46"/>
      <c r="K8" s="46"/>
    </row>
    <row r="9" spans="1:14" s="26" customFormat="1" ht="9.75" customHeight="1" x14ac:dyDescent="0.2">
      <c r="A9" s="26" t="s">
        <v>849</v>
      </c>
      <c r="B9" s="112"/>
      <c r="D9" s="299"/>
      <c r="E9" s="299"/>
      <c r="H9" s="131"/>
      <c r="I9" s="46"/>
      <c r="J9" s="131"/>
      <c r="L9" s="621">
        <v>1</v>
      </c>
    </row>
    <row r="10" spans="1:14" ht="10.5" x14ac:dyDescent="0.2">
      <c r="A10" s="744" t="s">
        <v>536</v>
      </c>
      <c r="B10" s="745" t="s">
        <v>426</v>
      </c>
      <c r="C10" s="753"/>
      <c r="D10" s="761" t="s">
        <v>235</v>
      </c>
      <c r="E10" s="762"/>
      <c r="F10" s="749" t="s">
        <v>109</v>
      </c>
      <c r="G10" s="750"/>
      <c r="H10" s="750"/>
      <c r="I10" s="750"/>
      <c r="J10" s="750"/>
      <c r="K10" s="751"/>
      <c r="L10" s="743" t="s">
        <v>161</v>
      </c>
    </row>
    <row r="11" spans="1:14" ht="10.5" x14ac:dyDescent="0.15">
      <c r="A11" s="758"/>
      <c r="B11" s="754"/>
      <c r="C11" s="755"/>
      <c r="D11" s="763"/>
      <c r="E11" s="764"/>
      <c r="F11" s="765" t="s">
        <v>113</v>
      </c>
      <c r="G11" s="766"/>
      <c r="H11" s="419" t="s">
        <v>114</v>
      </c>
      <c r="I11" s="743" t="s">
        <v>115</v>
      </c>
      <c r="J11" s="744"/>
      <c r="K11" s="420" t="s">
        <v>114</v>
      </c>
      <c r="L11" s="752"/>
    </row>
    <row r="12" spans="1:14" ht="10.5" x14ac:dyDescent="0.2">
      <c r="A12" s="759"/>
      <c r="B12" s="756"/>
      <c r="C12" s="757"/>
      <c r="D12" s="741" t="s">
        <v>116</v>
      </c>
      <c r="E12" s="742"/>
      <c r="F12" s="741" t="s">
        <v>117</v>
      </c>
      <c r="G12" s="742"/>
      <c r="H12" s="391" t="s">
        <v>118</v>
      </c>
      <c r="I12" s="741" t="s">
        <v>152</v>
      </c>
      <c r="J12" s="742"/>
      <c r="K12" s="418" t="s">
        <v>153</v>
      </c>
      <c r="L12" s="645" t="s">
        <v>154</v>
      </c>
    </row>
    <row r="13" spans="1:14" ht="10.5" x14ac:dyDescent="0.2">
      <c r="A13" s="145" t="s">
        <v>850</v>
      </c>
      <c r="B13" s="711">
        <v>1078931200</v>
      </c>
      <c r="C13" s="712"/>
      <c r="D13" s="711">
        <v>1178400725.6199999</v>
      </c>
      <c r="E13" s="712"/>
      <c r="F13" s="711">
        <v>182580240.56</v>
      </c>
      <c r="G13" s="712"/>
      <c r="H13" s="466">
        <v>15.493900893852372</v>
      </c>
      <c r="I13" s="711">
        <v>339222579.80000001</v>
      </c>
      <c r="J13" s="712"/>
      <c r="K13" s="421">
        <v>28.786691354209964</v>
      </c>
      <c r="L13" s="422">
        <v>839178145.81999993</v>
      </c>
    </row>
    <row r="14" spans="1:14" ht="10.5" x14ac:dyDescent="0.2">
      <c r="A14" s="146" t="s">
        <v>8</v>
      </c>
      <c r="B14" s="709">
        <v>1078931200</v>
      </c>
      <c r="C14" s="710"/>
      <c r="D14" s="709">
        <v>1178400725.6199999</v>
      </c>
      <c r="E14" s="710"/>
      <c r="F14" s="709">
        <v>182580240.56</v>
      </c>
      <c r="G14" s="710"/>
      <c r="H14" s="468">
        <v>15.493900893852372</v>
      </c>
      <c r="I14" s="709">
        <v>339222579.80000001</v>
      </c>
      <c r="J14" s="710"/>
      <c r="K14" s="421">
        <v>28.786691354209964</v>
      </c>
      <c r="L14" s="422">
        <v>839178145.81999993</v>
      </c>
    </row>
    <row r="15" spans="1:14" ht="10.5" x14ac:dyDescent="0.2">
      <c r="A15" s="146" t="s">
        <v>9</v>
      </c>
      <c r="B15" s="697">
        <v>0</v>
      </c>
      <c r="C15" s="698"/>
      <c r="D15" s="697">
        <v>0</v>
      </c>
      <c r="E15" s="698"/>
      <c r="F15" s="697">
        <v>0</v>
      </c>
      <c r="G15" s="698"/>
      <c r="H15" s="423">
        <v>0</v>
      </c>
      <c r="I15" s="697">
        <v>0</v>
      </c>
      <c r="J15" s="698"/>
      <c r="K15" s="423">
        <v>0</v>
      </c>
      <c r="L15" s="424">
        <v>0</v>
      </c>
      <c r="M15" s="28"/>
      <c r="N15" s="56"/>
    </row>
    <row r="16" spans="1:14" ht="10.5" x14ac:dyDescent="0.2">
      <c r="A16" s="29" t="s">
        <v>10</v>
      </c>
      <c r="B16" s="697">
        <v>0</v>
      </c>
      <c r="C16" s="698"/>
      <c r="D16" s="697">
        <v>0</v>
      </c>
      <c r="E16" s="698"/>
      <c r="F16" s="697">
        <v>0</v>
      </c>
      <c r="G16" s="698"/>
      <c r="H16" s="423">
        <v>0</v>
      </c>
      <c r="I16" s="697">
        <v>0</v>
      </c>
      <c r="J16" s="698"/>
      <c r="K16" s="423">
        <v>0</v>
      </c>
      <c r="L16" s="424">
        <v>0</v>
      </c>
    </row>
    <row r="17" spans="1:14" ht="10.5" x14ac:dyDescent="0.2">
      <c r="A17" s="29" t="s">
        <v>11</v>
      </c>
      <c r="B17" s="697">
        <v>0</v>
      </c>
      <c r="C17" s="698"/>
      <c r="D17" s="697">
        <v>0</v>
      </c>
      <c r="E17" s="698"/>
      <c r="F17" s="697">
        <v>0</v>
      </c>
      <c r="G17" s="698"/>
      <c r="H17" s="423">
        <v>0</v>
      </c>
      <c r="I17" s="697">
        <v>0</v>
      </c>
      <c r="J17" s="698"/>
      <c r="K17" s="423">
        <v>0</v>
      </c>
      <c r="L17" s="424">
        <v>0</v>
      </c>
    </row>
    <row r="18" spans="1:14" ht="10.5" x14ac:dyDescent="0.2">
      <c r="A18" s="29" t="s">
        <v>12</v>
      </c>
      <c r="B18" s="697">
        <v>0</v>
      </c>
      <c r="C18" s="698"/>
      <c r="D18" s="697">
        <v>0</v>
      </c>
      <c r="E18" s="698"/>
      <c r="F18" s="697">
        <v>0</v>
      </c>
      <c r="G18" s="698"/>
      <c r="H18" s="423">
        <v>0</v>
      </c>
      <c r="I18" s="697">
        <v>0</v>
      </c>
      <c r="J18" s="698"/>
      <c r="K18" s="423">
        <v>0</v>
      </c>
      <c r="L18" s="424">
        <v>0</v>
      </c>
    </row>
    <row r="19" spans="1:14" ht="10.5" x14ac:dyDescent="0.2">
      <c r="A19" s="146" t="s">
        <v>13</v>
      </c>
      <c r="B19" s="697">
        <v>1038054000</v>
      </c>
      <c r="C19" s="698"/>
      <c r="D19" s="697">
        <v>1038054000</v>
      </c>
      <c r="E19" s="698"/>
      <c r="F19" s="697">
        <v>105940931.91</v>
      </c>
      <c r="G19" s="698"/>
      <c r="H19" s="423">
        <v>10.205724549011901</v>
      </c>
      <c r="I19" s="697">
        <v>198893054.18000001</v>
      </c>
      <c r="J19" s="698"/>
      <c r="K19" s="423">
        <v>19.160183784273265</v>
      </c>
      <c r="L19" s="424">
        <v>839160945.81999993</v>
      </c>
      <c r="M19" s="56"/>
      <c r="N19" s="56"/>
    </row>
    <row r="20" spans="1:14" ht="10.5" x14ac:dyDescent="0.2">
      <c r="A20" s="29" t="s">
        <v>14</v>
      </c>
      <c r="B20" s="697">
        <v>1038054000</v>
      </c>
      <c r="C20" s="698"/>
      <c r="D20" s="697">
        <v>1038054000</v>
      </c>
      <c r="E20" s="698"/>
      <c r="F20" s="697">
        <v>105940931.91</v>
      </c>
      <c r="G20" s="698"/>
      <c r="H20" s="423">
        <v>10.205724549011901</v>
      </c>
      <c r="I20" s="697">
        <v>198893054.18000001</v>
      </c>
      <c r="J20" s="698"/>
      <c r="K20" s="423">
        <v>19.160183784273265</v>
      </c>
      <c r="L20" s="424">
        <v>839160945.81999993</v>
      </c>
    </row>
    <row r="21" spans="1:14" ht="10.5" x14ac:dyDescent="0.2">
      <c r="A21" s="29" t="s">
        <v>356</v>
      </c>
      <c r="B21" s="697">
        <v>0</v>
      </c>
      <c r="C21" s="698"/>
      <c r="D21" s="697">
        <v>0</v>
      </c>
      <c r="E21" s="698"/>
      <c r="F21" s="697">
        <v>0</v>
      </c>
      <c r="G21" s="698"/>
      <c r="H21" s="423">
        <v>0</v>
      </c>
      <c r="I21" s="697">
        <v>0</v>
      </c>
      <c r="J21" s="698"/>
      <c r="K21" s="423">
        <v>0</v>
      </c>
      <c r="L21" s="424">
        <v>0</v>
      </c>
    </row>
    <row r="22" spans="1:14" ht="10.5" x14ac:dyDescent="0.2">
      <c r="A22" s="29" t="s">
        <v>357</v>
      </c>
      <c r="B22" s="697">
        <v>0</v>
      </c>
      <c r="C22" s="698"/>
      <c r="D22" s="697">
        <v>0</v>
      </c>
      <c r="E22" s="698"/>
      <c r="F22" s="697">
        <v>0</v>
      </c>
      <c r="G22" s="698"/>
      <c r="H22" s="423">
        <v>0</v>
      </c>
      <c r="I22" s="697">
        <v>0</v>
      </c>
      <c r="J22" s="698"/>
      <c r="K22" s="423">
        <v>0</v>
      </c>
      <c r="L22" s="424">
        <v>0</v>
      </c>
    </row>
    <row r="23" spans="1:14" ht="10.5" x14ac:dyDescent="0.2">
      <c r="A23" s="146" t="s">
        <v>15</v>
      </c>
      <c r="B23" s="697">
        <v>0</v>
      </c>
      <c r="C23" s="698"/>
      <c r="D23" s="697">
        <v>8194600.6600000001</v>
      </c>
      <c r="E23" s="698"/>
      <c r="F23" s="697">
        <v>8194600.6600000001</v>
      </c>
      <c r="G23" s="698"/>
      <c r="H23" s="423">
        <v>0</v>
      </c>
      <c r="I23" s="697">
        <v>8194600.6600000001</v>
      </c>
      <c r="J23" s="698"/>
      <c r="K23" s="423">
        <v>0</v>
      </c>
      <c r="L23" s="424">
        <v>0</v>
      </c>
    </row>
    <row r="24" spans="1:14" ht="10.5" x14ac:dyDescent="0.2">
      <c r="A24" s="29" t="s">
        <v>16</v>
      </c>
      <c r="B24" s="697">
        <v>0</v>
      </c>
      <c r="C24" s="698"/>
      <c r="D24" s="697">
        <v>0</v>
      </c>
      <c r="E24" s="698"/>
      <c r="F24" s="697">
        <v>0</v>
      </c>
      <c r="G24" s="698"/>
      <c r="H24" s="423">
        <v>0</v>
      </c>
      <c r="I24" s="697">
        <v>0</v>
      </c>
      <c r="J24" s="698"/>
      <c r="K24" s="423">
        <v>0</v>
      </c>
      <c r="L24" s="424">
        <v>0</v>
      </c>
    </row>
    <row r="25" spans="1:14" ht="10.5" x14ac:dyDescent="0.2">
      <c r="A25" s="29" t="s">
        <v>17</v>
      </c>
      <c r="B25" s="697">
        <v>0</v>
      </c>
      <c r="C25" s="698"/>
      <c r="D25" s="697">
        <v>0</v>
      </c>
      <c r="E25" s="698"/>
      <c r="F25" s="697">
        <v>0</v>
      </c>
      <c r="G25" s="698"/>
      <c r="H25" s="423">
        <v>0</v>
      </c>
      <c r="I25" s="697">
        <v>0</v>
      </c>
      <c r="J25" s="698"/>
      <c r="K25" s="423">
        <v>0</v>
      </c>
      <c r="L25" s="424">
        <v>0</v>
      </c>
    </row>
    <row r="26" spans="1:14" ht="10.5" x14ac:dyDescent="0.2">
      <c r="A26" s="29" t="s">
        <v>18</v>
      </c>
      <c r="B26" s="697">
        <v>0</v>
      </c>
      <c r="C26" s="698"/>
      <c r="D26" s="697">
        <v>0</v>
      </c>
      <c r="E26" s="698"/>
      <c r="F26" s="697">
        <v>0</v>
      </c>
      <c r="G26" s="698"/>
      <c r="H26" s="423">
        <v>0</v>
      </c>
      <c r="I26" s="697">
        <v>0</v>
      </c>
      <c r="J26" s="698"/>
      <c r="K26" s="423">
        <v>0</v>
      </c>
      <c r="L26" s="424">
        <v>0</v>
      </c>
    </row>
    <row r="27" spans="1:14" ht="10.5" x14ac:dyDescent="0.2">
      <c r="A27" s="29" t="s">
        <v>119</v>
      </c>
      <c r="B27" s="697">
        <v>0</v>
      </c>
      <c r="C27" s="698"/>
      <c r="D27" s="697">
        <v>0</v>
      </c>
      <c r="E27" s="698"/>
      <c r="F27" s="697">
        <v>0</v>
      </c>
      <c r="G27" s="698"/>
      <c r="H27" s="423">
        <v>0</v>
      </c>
      <c r="I27" s="697">
        <v>0</v>
      </c>
      <c r="J27" s="698"/>
      <c r="K27" s="423">
        <v>0</v>
      </c>
      <c r="L27" s="424">
        <v>0</v>
      </c>
    </row>
    <row r="28" spans="1:14" ht="24" customHeight="1" x14ac:dyDescent="0.2">
      <c r="A28" s="50" t="s">
        <v>369</v>
      </c>
      <c r="B28" s="697">
        <v>0</v>
      </c>
      <c r="C28" s="698"/>
      <c r="D28" s="697">
        <v>0</v>
      </c>
      <c r="E28" s="698"/>
      <c r="F28" s="697">
        <v>0</v>
      </c>
      <c r="G28" s="698"/>
      <c r="H28" s="423">
        <v>0</v>
      </c>
      <c r="I28" s="697">
        <v>0</v>
      </c>
      <c r="J28" s="698"/>
      <c r="K28" s="423">
        <v>0</v>
      </c>
      <c r="L28" s="424">
        <v>0</v>
      </c>
    </row>
    <row r="29" spans="1:14" ht="10.5" x14ac:dyDescent="0.2">
      <c r="A29" s="50" t="s">
        <v>370</v>
      </c>
      <c r="B29" s="697">
        <v>0</v>
      </c>
      <c r="C29" s="698"/>
      <c r="D29" s="697">
        <v>8194600.6600000001</v>
      </c>
      <c r="E29" s="698"/>
      <c r="F29" s="697">
        <v>8194600.6600000001</v>
      </c>
      <c r="G29" s="698"/>
      <c r="H29" s="423">
        <v>0</v>
      </c>
      <c r="I29" s="697">
        <v>8194600.6600000001</v>
      </c>
      <c r="J29" s="698"/>
      <c r="K29" s="423">
        <v>0</v>
      </c>
      <c r="L29" s="424">
        <v>0</v>
      </c>
    </row>
    <row r="30" spans="1:14" ht="10.5" x14ac:dyDescent="0.2">
      <c r="A30" s="29" t="s">
        <v>19</v>
      </c>
      <c r="B30" s="697">
        <v>0</v>
      </c>
      <c r="C30" s="698"/>
      <c r="D30" s="697">
        <v>0</v>
      </c>
      <c r="E30" s="698"/>
      <c r="F30" s="697">
        <v>0</v>
      </c>
      <c r="G30" s="698"/>
      <c r="H30" s="423">
        <v>0</v>
      </c>
      <c r="I30" s="697">
        <v>0</v>
      </c>
      <c r="J30" s="698"/>
      <c r="K30" s="423">
        <v>0</v>
      </c>
      <c r="L30" s="424">
        <v>0</v>
      </c>
    </row>
    <row r="31" spans="1:14" ht="10.5" x14ac:dyDescent="0.2">
      <c r="A31" s="146" t="s">
        <v>20</v>
      </c>
      <c r="B31" s="697">
        <v>0</v>
      </c>
      <c r="C31" s="698"/>
      <c r="D31" s="697">
        <v>0</v>
      </c>
      <c r="E31" s="698"/>
      <c r="F31" s="697">
        <v>0</v>
      </c>
      <c r="G31" s="698"/>
      <c r="H31" s="423">
        <v>0</v>
      </c>
      <c r="I31" s="697">
        <v>0</v>
      </c>
      <c r="J31" s="698"/>
      <c r="K31" s="423">
        <v>0</v>
      </c>
      <c r="L31" s="424">
        <v>0</v>
      </c>
    </row>
    <row r="32" spans="1:14" ht="10.5" x14ac:dyDescent="0.2">
      <c r="A32" s="29" t="s">
        <v>21</v>
      </c>
      <c r="B32" s="697">
        <v>0</v>
      </c>
      <c r="C32" s="698"/>
      <c r="D32" s="697">
        <v>0</v>
      </c>
      <c r="E32" s="698"/>
      <c r="F32" s="697">
        <v>0</v>
      </c>
      <c r="G32" s="698"/>
      <c r="H32" s="423">
        <v>0</v>
      </c>
      <c r="I32" s="697">
        <v>0</v>
      </c>
      <c r="J32" s="698"/>
      <c r="K32" s="423">
        <v>0</v>
      </c>
      <c r="L32" s="424">
        <v>0</v>
      </c>
    </row>
    <row r="33" spans="1:14" ht="10.5" x14ac:dyDescent="0.2">
      <c r="A33" s="29" t="s">
        <v>22</v>
      </c>
      <c r="B33" s="697">
        <v>0</v>
      </c>
      <c r="C33" s="698"/>
      <c r="D33" s="697">
        <v>0</v>
      </c>
      <c r="E33" s="698"/>
      <c r="F33" s="697">
        <v>0</v>
      </c>
      <c r="G33" s="698"/>
      <c r="H33" s="423">
        <v>0</v>
      </c>
      <c r="I33" s="697">
        <v>0</v>
      </c>
      <c r="J33" s="698"/>
      <c r="K33" s="423">
        <v>0</v>
      </c>
      <c r="L33" s="424">
        <v>0</v>
      </c>
    </row>
    <row r="34" spans="1:14" ht="10.5" x14ac:dyDescent="0.2">
      <c r="A34" s="29" t="s">
        <v>23</v>
      </c>
      <c r="B34" s="697">
        <v>0</v>
      </c>
      <c r="C34" s="698"/>
      <c r="D34" s="697">
        <v>0</v>
      </c>
      <c r="E34" s="698"/>
      <c r="F34" s="697">
        <v>0</v>
      </c>
      <c r="G34" s="698"/>
      <c r="H34" s="423">
        <v>0</v>
      </c>
      <c r="I34" s="697">
        <v>0</v>
      </c>
      <c r="J34" s="698"/>
      <c r="K34" s="423">
        <v>0</v>
      </c>
      <c r="L34" s="424">
        <v>0</v>
      </c>
    </row>
    <row r="35" spans="1:14" ht="10.5" x14ac:dyDescent="0.2">
      <c r="A35" s="146" t="s">
        <v>24</v>
      </c>
      <c r="B35" s="697">
        <v>0</v>
      </c>
      <c r="C35" s="698"/>
      <c r="D35" s="697">
        <v>0</v>
      </c>
      <c r="E35" s="698"/>
      <c r="F35" s="697">
        <v>0</v>
      </c>
      <c r="G35" s="698"/>
      <c r="H35" s="423">
        <v>0</v>
      </c>
      <c r="I35" s="697">
        <v>0</v>
      </c>
      <c r="J35" s="698"/>
      <c r="K35" s="423">
        <v>0</v>
      </c>
      <c r="L35" s="424">
        <v>0</v>
      </c>
    </row>
    <row r="36" spans="1:14" ht="10.5" x14ac:dyDescent="0.2">
      <c r="A36" s="29" t="s">
        <v>371</v>
      </c>
      <c r="B36" s="697">
        <v>0</v>
      </c>
      <c r="C36" s="698"/>
      <c r="D36" s="697">
        <v>0</v>
      </c>
      <c r="E36" s="698"/>
      <c r="F36" s="697">
        <v>0</v>
      </c>
      <c r="G36" s="698"/>
      <c r="H36" s="423">
        <v>0</v>
      </c>
      <c r="I36" s="697">
        <v>0</v>
      </c>
      <c r="J36" s="698"/>
      <c r="K36" s="423">
        <v>0</v>
      </c>
      <c r="L36" s="424">
        <v>0</v>
      </c>
    </row>
    <row r="37" spans="1:14" ht="10.5" x14ac:dyDescent="0.2">
      <c r="A37" s="29" t="s">
        <v>25</v>
      </c>
      <c r="B37" s="697">
        <v>0</v>
      </c>
      <c r="C37" s="698"/>
      <c r="D37" s="697">
        <v>0</v>
      </c>
      <c r="E37" s="698"/>
      <c r="F37" s="697">
        <v>0</v>
      </c>
      <c r="G37" s="698"/>
      <c r="H37" s="423">
        <v>0</v>
      </c>
      <c r="I37" s="697">
        <v>0</v>
      </c>
      <c r="J37" s="698"/>
      <c r="K37" s="423">
        <v>0</v>
      </c>
      <c r="L37" s="424">
        <v>0</v>
      </c>
    </row>
    <row r="38" spans="1:14" ht="10.5" x14ac:dyDescent="0.2">
      <c r="A38" s="29" t="s">
        <v>26</v>
      </c>
      <c r="B38" s="697">
        <v>0</v>
      </c>
      <c r="C38" s="698"/>
      <c r="D38" s="697">
        <v>0</v>
      </c>
      <c r="E38" s="698"/>
      <c r="F38" s="697">
        <v>0</v>
      </c>
      <c r="G38" s="698"/>
      <c r="H38" s="423">
        <v>0</v>
      </c>
      <c r="I38" s="697">
        <v>0</v>
      </c>
      <c r="J38" s="698"/>
      <c r="K38" s="423">
        <v>0</v>
      </c>
      <c r="L38" s="424">
        <v>0</v>
      </c>
    </row>
    <row r="39" spans="1:14" ht="10.5" x14ac:dyDescent="0.2">
      <c r="A39" s="51" t="s">
        <v>27</v>
      </c>
      <c r="B39" s="697">
        <v>0</v>
      </c>
      <c r="C39" s="698"/>
      <c r="D39" s="697">
        <v>0</v>
      </c>
      <c r="E39" s="698"/>
      <c r="F39" s="697">
        <v>0</v>
      </c>
      <c r="G39" s="698"/>
      <c r="H39" s="423">
        <v>0</v>
      </c>
      <c r="I39" s="697">
        <v>0</v>
      </c>
      <c r="J39" s="698"/>
      <c r="K39" s="423">
        <v>0</v>
      </c>
      <c r="L39" s="424">
        <v>0</v>
      </c>
    </row>
    <row r="40" spans="1:14" ht="10.5" x14ac:dyDescent="0.2">
      <c r="A40" s="146" t="s">
        <v>28</v>
      </c>
      <c r="B40" s="697">
        <v>5700</v>
      </c>
      <c r="C40" s="698"/>
      <c r="D40" s="697">
        <v>5700</v>
      </c>
      <c r="E40" s="698"/>
      <c r="F40" s="697">
        <v>0</v>
      </c>
      <c r="G40" s="698"/>
      <c r="H40" s="423">
        <v>0</v>
      </c>
      <c r="I40" s="697">
        <v>0</v>
      </c>
      <c r="J40" s="698"/>
      <c r="K40" s="423">
        <v>0</v>
      </c>
      <c r="L40" s="424">
        <v>5700</v>
      </c>
    </row>
    <row r="41" spans="1:14" ht="10.5" x14ac:dyDescent="0.2">
      <c r="A41" s="146" t="s">
        <v>29</v>
      </c>
      <c r="B41" s="697">
        <v>0</v>
      </c>
      <c r="C41" s="698"/>
      <c r="D41" s="697">
        <v>0</v>
      </c>
      <c r="E41" s="698"/>
      <c r="F41" s="697">
        <v>0</v>
      </c>
      <c r="G41" s="698"/>
      <c r="H41" s="423">
        <v>0</v>
      </c>
      <c r="I41" s="697">
        <v>0</v>
      </c>
      <c r="J41" s="698"/>
      <c r="K41" s="423">
        <v>0</v>
      </c>
      <c r="L41" s="424">
        <v>0</v>
      </c>
      <c r="M41" s="56"/>
      <c r="N41" s="56"/>
    </row>
    <row r="42" spans="1:14" ht="10.5" x14ac:dyDescent="0.2">
      <c r="A42" s="29" t="s">
        <v>30</v>
      </c>
      <c r="B42" s="697">
        <v>0</v>
      </c>
      <c r="C42" s="698"/>
      <c r="D42" s="697">
        <v>0</v>
      </c>
      <c r="E42" s="698"/>
      <c r="F42" s="697">
        <v>0</v>
      </c>
      <c r="G42" s="698"/>
      <c r="H42" s="423">
        <v>0</v>
      </c>
      <c r="I42" s="697">
        <v>0</v>
      </c>
      <c r="J42" s="698"/>
      <c r="K42" s="423">
        <v>0</v>
      </c>
      <c r="L42" s="424">
        <v>0</v>
      </c>
    </row>
    <row r="43" spans="1:14" ht="10.5" x14ac:dyDescent="0.2">
      <c r="A43" s="29" t="s">
        <v>31</v>
      </c>
      <c r="B43" s="697">
        <v>0</v>
      </c>
      <c r="C43" s="698"/>
      <c r="D43" s="697">
        <v>0</v>
      </c>
      <c r="E43" s="698"/>
      <c r="F43" s="697">
        <v>0</v>
      </c>
      <c r="G43" s="698"/>
      <c r="H43" s="423">
        <v>0</v>
      </c>
      <c r="I43" s="697">
        <v>0</v>
      </c>
      <c r="J43" s="698"/>
      <c r="K43" s="423">
        <v>0</v>
      </c>
      <c r="L43" s="424">
        <v>0</v>
      </c>
    </row>
    <row r="44" spans="1:14" ht="10.5" x14ac:dyDescent="0.2">
      <c r="A44" s="29" t="s">
        <v>32</v>
      </c>
      <c r="B44" s="697">
        <v>0</v>
      </c>
      <c r="C44" s="698"/>
      <c r="D44" s="697">
        <v>0</v>
      </c>
      <c r="E44" s="698"/>
      <c r="F44" s="697">
        <v>0</v>
      </c>
      <c r="G44" s="698"/>
      <c r="H44" s="423">
        <v>0</v>
      </c>
      <c r="I44" s="697">
        <v>0</v>
      </c>
      <c r="J44" s="698"/>
      <c r="K44" s="423">
        <v>0</v>
      </c>
      <c r="L44" s="424">
        <v>0</v>
      </c>
    </row>
    <row r="45" spans="1:14" ht="10.5" x14ac:dyDescent="0.2">
      <c r="A45" s="29" t="s">
        <v>33</v>
      </c>
      <c r="B45" s="697">
        <v>0</v>
      </c>
      <c r="C45" s="698"/>
      <c r="D45" s="697">
        <v>0</v>
      </c>
      <c r="E45" s="698"/>
      <c r="F45" s="697">
        <v>0</v>
      </c>
      <c r="G45" s="698"/>
      <c r="H45" s="423">
        <v>0</v>
      </c>
      <c r="I45" s="697">
        <v>0</v>
      </c>
      <c r="J45" s="698"/>
      <c r="K45" s="423">
        <v>0</v>
      </c>
      <c r="L45" s="424">
        <v>0</v>
      </c>
    </row>
    <row r="46" spans="1:14" ht="10.5" x14ac:dyDescent="0.2">
      <c r="A46" s="29" t="s">
        <v>34</v>
      </c>
      <c r="B46" s="697">
        <v>0</v>
      </c>
      <c r="C46" s="698"/>
      <c r="D46" s="697">
        <v>0</v>
      </c>
      <c r="E46" s="698"/>
      <c r="F46" s="697">
        <v>0</v>
      </c>
      <c r="G46" s="698"/>
      <c r="H46" s="423">
        <v>0</v>
      </c>
      <c r="I46" s="697">
        <v>0</v>
      </c>
      <c r="J46" s="698"/>
      <c r="K46" s="423">
        <v>0</v>
      </c>
      <c r="L46" s="424">
        <v>0</v>
      </c>
    </row>
    <row r="47" spans="1:14" ht="10.5" x14ac:dyDescent="0.2">
      <c r="A47" s="52" t="s">
        <v>35</v>
      </c>
      <c r="B47" s="697">
        <v>0</v>
      </c>
      <c r="C47" s="698"/>
      <c r="D47" s="697">
        <v>0</v>
      </c>
      <c r="E47" s="698"/>
      <c r="F47" s="697">
        <v>0</v>
      </c>
      <c r="G47" s="698"/>
      <c r="H47" s="423">
        <v>0</v>
      </c>
      <c r="I47" s="697">
        <v>0</v>
      </c>
      <c r="J47" s="698"/>
      <c r="K47" s="423">
        <v>0</v>
      </c>
      <c r="L47" s="424">
        <v>0</v>
      </c>
    </row>
    <row r="48" spans="1:14" ht="10.5" x14ac:dyDescent="0.2">
      <c r="A48" s="146" t="s">
        <v>36</v>
      </c>
      <c r="B48" s="697">
        <v>40871500</v>
      </c>
      <c r="C48" s="698"/>
      <c r="D48" s="697">
        <v>132146424.95999999</v>
      </c>
      <c r="E48" s="698"/>
      <c r="F48" s="697">
        <v>68444707.989999995</v>
      </c>
      <c r="G48" s="698"/>
      <c r="H48" s="423">
        <v>51.794596797240509</v>
      </c>
      <c r="I48" s="697">
        <v>132134924.95999999</v>
      </c>
      <c r="J48" s="698"/>
      <c r="K48" s="423">
        <v>99.991297532261285</v>
      </c>
      <c r="L48" s="424">
        <v>11500</v>
      </c>
    </row>
    <row r="49" spans="1:14" ht="10.5" x14ac:dyDescent="0.2">
      <c r="A49" s="29" t="s">
        <v>37</v>
      </c>
      <c r="B49" s="697">
        <v>11500</v>
      </c>
      <c r="C49" s="698"/>
      <c r="D49" s="697">
        <v>11500</v>
      </c>
      <c r="E49" s="698"/>
      <c r="F49" s="697">
        <v>0</v>
      </c>
      <c r="G49" s="698"/>
      <c r="H49" s="423">
        <v>0</v>
      </c>
      <c r="I49" s="697">
        <v>0</v>
      </c>
      <c r="J49" s="698"/>
      <c r="K49" s="423">
        <v>0</v>
      </c>
      <c r="L49" s="424">
        <v>11500</v>
      </c>
    </row>
    <row r="50" spans="1:14" ht="10.5" x14ac:dyDescent="0.2">
      <c r="A50" s="29" t="s">
        <v>38</v>
      </c>
      <c r="B50" s="697">
        <v>0</v>
      </c>
      <c r="C50" s="698"/>
      <c r="D50" s="697">
        <v>0</v>
      </c>
      <c r="E50" s="698"/>
      <c r="F50" s="697">
        <v>0</v>
      </c>
      <c r="G50" s="698"/>
      <c r="H50" s="423">
        <v>0</v>
      </c>
      <c r="I50" s="697">
        <v>0</v>
      </c>
      <c r="J50" s="698"/>
      <c r="K50" s="423">
        <v>0</v>
      </c>
      <c r="L50" s="424">
        <v>0</v>
      </c>
    </row>
    <row r="51" spans="1:14" ht="10.5" x14ac:dyDescent="0.2">
      <c r="A51" s="29" t="s">
        <v>39</v>
      </c>
      <c r="B51" s="697">
        <v>0</v>
      </c>
      <c r="C51" s="698"/>
      <c r="D51" s="697">
        <v>0</v>
      </c>
      <c r="E51" s="698"/>
      <c r="F51" s="697">
        <v>0</v>
      </c>
      <c r="G51" s="698"/>
      <c r="H51" s="423">
        <v>0</v>
      </c>
      <c r="I51" s="697">
        <v>0</v>
      </c>
      <c r="J51" s="698"/>
      <c r="K51" s="423">
        <v>0</v>
      </c>
      <c r="L51" s="424">
        <v>0</v>
      </c>
    </row>
    <row r="52" spans="1:14" ht="21" x14ac:dyDescent="0.2">
      <c r="A52" s="50" t="s">
        <v>372</v>
      </c>
      <c r="B52" s="697">
        <v>0</v>
      </c>
      <c r="C52" s="698"/>
      <c r="D52" s="697">
        <v>0</v>
      </c>
      <c r="E52" s="698"/>
      <c r="F52" s="697">
        <v>0</v>
      </c>
      <c r="G52" s="698"/>
      <c r="H52" s="423">
        <v>0</v>
      </c>
      <c r="I52" s="697">
        <v>0</v>
      </c>
      <c r="J52" s="698"/>
      <c r="K52" s="423">
        <v>0</v>
      </c>
      <c r="L52" s="424">
        <v>0</v>
      </c>
    </row>
    <row r="53" spans="1:14" ht="10.5" x14ac:dyDescent="0.2">
      <c r="A53" s="52" t="s">
        <v>54</v>
      </c>
      <c r="B53" s="697">
        <v>40860000</v>
      </c>
      <c r="C53" s="698"/>
      <c r="D53" s="697">
        <v>132134924.95999999</v>
      </c>
      <c r="E53" s="698"/>
      <c r="F53" s="697">
        <v>68444707.989999995</v>
      </c>
      <c r="G53" s="698"/>
      <c r="H53" s="423">
        <v>51.799104597607062</v>
      </c>
      <c r="I53" s="697">
        <v>132134924.95999999</v>
      </c>
      <c r="J53" s="698"/>
      <c r="K53" s="423">
        <v>100</v>
      </c>
      <c r="L53" s="424">
        <v>0</v>
      </c>
    </row>
    <row r="54" spans="1:14" ht="10.5" x14ac:dyDescent="0.2">
      <c r="A54" s="146" t="s">
        <v>40</v>
      </c>
      <c r="B54" s="709">
        <v>0</v>
      </c>
      <c r="C54" s="710"/>
      <c r="D54" s="709">
        <v>0</v>
      </c>
      <c r="E54" s="710"/>
      <c r="F54" s="709">
        <v>0</v>
      </c>
      <c r="G54" s="710"/>
      <c r="H54" s="421">
        <v>0</v>
      </c>
      <c r="I54" s="709">
        <v>0</v>
      </c>
      <c r="J54" s="710"/>
      <c r="K54" s="421">
        <v>0</v>
      </c>
      <c r="L54" s="467">
        <v>0</v>
      </c>
    </row>
    <row r="55" spans="1:14" ht="10.5" x14ac:dyDescent="0.2">
      <c r="A55" s="146" t="s">
        <v>41</v>
      </c>
      <c r="B55" s="697">
        <v>0</v>
      </c>
      <c r="C55" s="698"/>
      <c r="D55" s="697">
        <v>0</v>
      </c>
      <c r="E55" s="698"/>
      <c r="F55" s="697">
        <v>0</v>
      </c>
      <c r="G55" s="698"/>
      <c r="H55" s="423">
        <v>0</v>
      </c>
      <c r="I55" s="697">
        <v>0</v>
      </c>
      <c r="J55" s="698"/>
      <c r="K55" s="423">
        <v>0</v>
      </c>
      <c r="L55" s="424">
        <v>0</v>
      </c>
    </row>
    <row r="56" spans="1:14" ht="10.5" x14ac:dyDescent="0.2">
      <c r="A56" s="29" t="s">
        <v>42</v>
      </c>
      <c r="B56" s="697">
        <v>0</v>
      </c>
      <c r="C56" s="698"/>
      <c r="D56" s="697">
        <v>0</v>
      </c>
      <c r="E56" s="698"/>
      <c r="F56" s="697">
        <v>0</v>
      </c>
      <c r="G56" s="698"/>
      <c r="H56" s="423">
        <v>0</v>
      </c>
      <c r="I56" s="697">
        <v>0</v>
      </c>
      <c r="J56" s="698"/>
      <c r="K56" s="423">
        <v>0</v>
      </c>
      <c r="L56" s="424">
        <v>0</v>
      </c>
    </row>
    <row r="57" spans="1:14" ht="10.5" x14ac:dyDescent="0.2">
      <c r="A57" s="29" t="s">
        <v>43</v>
      </c>
      <c r="B57" s="697">
        <v>0</v>
      </c>
      <c r="C57" s="698"/>
      <c r="D57" s="697">
        <v>0</v>
      </c>
      <c r="E57" s="698"/>
      <c r="F57" s="697">
        <v>0</v>
      </c>
      <c r="G57" s="698"/>
      <c r="H57" s="423">
        <v>0</v>
      </c>
      <c r="I57" s="697">
        <v>0</v>
      </c>
      <c r="J57" s="698"/>
      <c r="K57" s="423">
        <v>0</v>
      </c>
      <c r="L57" s="424">
        <v>0</v>
      </c>
    </row>
    <row r="58" spans="1:14" ht="10.5" x14ac:dyDescent="0.2">
      <c r="A58" s="146" t="s">
        <v>44</v>
      </c>
      <c r="B58" s="697">
        <v>0</v>
      </c>
      <c r="C58" s="698"/>
      <c r="D58" s="697">
        <v>0</v>
      </c>
      <c r="E58" s="698"/>
      <c r="F58" s="697">
        <v>0</v>
      </c>
      <c r="G58" s="698"/>
      <c r="H58" s="423">
        <v>0</v>
      </c>
      <c r="I58" s="697">
        <v>0</v>
      </c>
      <c r="J58" s="698"/>
      <c r="K58" s="423">
        <v>0</v>
      </c>
      <c r="L58" s="424">
        <v>0</v>
      </c>
      <c r="M58" s="56"/>
      <c r="N58" s="56"/>
    </row>
    <row r="59" spans="1:14" ht="10.5" x14ac:dyDescent="0.2">
      <c r="A59" s="29" t="s">
        <v>45</v>
      </c>
      <c r="B59" s="697">
        <v>0</v>
      </c>
      <c r="C59" s="698"/>
      <c r="D59" s="697">
        <v>0</v>
      </c>
      <c r="E59" s="698"/>
      <c r="F59" s="697">
        <v>0</v>
      </c>
      <c r="G59" s="698"/>
      <c r="H59" s="423">
        <v>0</v>
      </c>
      <c r="I59" s="697">
        <v>0</v>
      </c>
      <c r="J59" s="698"/>
      <c r="K59" s="423">
        <v>0</v>
      </c>
      <c r="L59" s="424">
        <v>0</v>
      </c>
    </row>
    <row r="60" spans="1:14" ht="10.5" x14ac:dyDescent="0.2">
      <c r="A60" s="29" t="s">
        <v>46</v>
      </c>
      <c r="B60" s="697">
        <v>0</v>
      </c>
      <c r="C60" s="698"/>
      <c r="D60" s="697">
        <v>0</v>
      </c>
      <c r="E60" s="698"/>
      <c r="F60" s="697">
        <v>0</v>
      </c>
      <c r="G60" s="698"/>
      <c r="H60" s="423">
        <v>0</v>
      </c>
      <c r="I60" s="697">
        <v>0</v>
      </c>
      <c r="J60" s="698"/>
      <c r="K60" s="423">
        <v>0</v>
      </c>
      <c r="L60" s="424">
        <v>0</v>
      </c>
    </row>
    <row r="61" spans="1:14" ht="10.5" x14ac:dyDescent="0.2">
      <c r="A61" s="146" t="s">
        <v>47</v>
      </c>
      <c r="B61" s="697">
        <v>0</v>
      </c>
      <c r="C61" s="698"/>
      <c r="D61" s="697">
        <v>0</v>
      </c>
      <c r="E61" s="698"/>
      <c r="F61" s="697">
        <v>0</v>
      </c>
      <c r="G61" s="698"/>
      <c r="H61" s="423">
        <v>0</v>
      </c>
      <c r="I61" s="697">
        <v>0</v>
      </c>
      <c r="J61" s="698"/>
      <c r="K61" s="423">
        <v>0</v>
      </c>
      <c r="L61" s="424">
        <v>0</v>
      </c>
    </row>
    <row r="62" spans="1:14" ht="10.5" x14ac:dyDescent="0.2">
      <c r="A62" s="146" t="s">
        <v>48</v>
      </c>
      <c r="B62" s="697">
        <v>0</v>
      </c>
      <c r="C62" s="698"/>
      <c r="D62" s="697">
        <v>0</v>
      </c>
      <c r="E62" s="698"/>
      <c r="F62" s="697">
        <v>0</v>
      </c>
      <c r="G62" s="698"/>
      <c r="H62" s="423">
        <v>0</v>
      </c>
      <c r="I62" s="697">
        <v>0</v>
      </c>
      <c r="J62" s="698"/>
      <c r="K62" s="423">
        <v>0</v>
      </c>
      <c r="L62" s="424">
        <v>0</v>
      </c>
      <c r="M62" s="56"/>
      <c r="N62" s="56"/>
    </row>
    <row r="63" spans="1:14" ht="10.5" x14ac:dyDescent="0.2">
      <c r="A63" s="29" t="s">
        <v>30</v>
      </c>
      <c r="B63" s="697">
        <v>0</v>
      </c>
      <c r="C63" s="698"/>
      <c r="D63" s="697">
        <v>0</v>
      </c>
      <c r="E63" s="698"/>
      <c r="F63" s="697">
        <v>0</v>
      </c>
      <c r="G63" s="698"/>
      <c r="H63" s="423">
        <v>0</v>
      </c>
      <c r="I63" s="697">
        <v>0</v>
      </c>
      <c r="J63" s="698"/>
      <c r="K63" s="423">
        <v>0</v>
      </c>
      <c r="L63" s="424">
        <v>0</v>
      </c>
    </row>
    <row r="64" spans="1:14" ht="10.5" x14ac:dyDescent="0.2">
      <c r="A64" s="29" t="s">
        <v>31</v>
      </c>
      <c r="B64" s="697">
        <v>0</v>
      </c>
      <c r="C64" s="698"/>
      <c r="D64" s="697">
        <v>0</v>
      </c>
      <c r="E64" s="698"/>
      <c r="F64" s="697">
        <v>0</v>
      </c>
      <c r="G64" s="698"/>
      <c r="H64" s="423">
        <v>0</v>
      </c>
      <c r="I64" s="697">
        <v>0</v>
      </c>
      <c r="J64" s="698"/>
      <c r="K64" s="423">
        <v>0</v>
      </c>
      <c r="L64" s="424">
        <v>0</v>
      </c>
    </row>
    <row r="65" spans="1:12" ht="10.5" x14ac:dyDescent="0.2">
      <c r="A65" s="29" t="s">
        <v>32</v>
      </c>
      <c r="B65" s="697">
        <v>0</v>
      </c>
      <c r="C65" s="698"/>
      <c r="D65" s="697">
        <v>0</v>
      </c>
      <c r="E65" s="698"/>
      <c r="F65" s="697">
        <v>0</v>
      </c>
      <c r="G65" s="698"/>
      <c r="H65" s="423">
        <v>0</v>
      </c>
      <c r="I65" s="697">
        <v>0</v>
      </c>
      <c r="J65" s="698"/>
      <c r="K65" s="423">
        <v>0</v>
      </c>
      <c r="L65" s="424">
        <v>0</v>
      </c>
    </row>
    <row r="66" spans="1:12" ht="10.5" x14ac:dyDescent="0.2">
      <c r="A66" s="29" t="s">
        <v>33</v>
      </c>
      <c r="B66" s="697">
        <v>0</v>
      </c>
      <c r="C66" s="698"/>
      <c r="D66" s="697">
        <v>0</v>
      </c>
      <c r="E66" s="698"/>
      <c r="F66" s="697">
        <v>0</v>
      </c>
      <c r="G66" s="698"/>
      <c r="H66" s="423">
        <v>0</v>
      </c>
      <c r="I66" s="697">
        <v>0</v>
      </c>
      <c r="J66" s="698"/>
      <c r="K66" s="423">
        <v>0</v>
      </c>
      <c r="L66" s="424">
        <v>0</v>
      </c>
    </row>
    <row r="67" spans="1:12" ht="10.5" x14ac:dyDescent="0.2">
      <c r="A67" s="53" t="s">
        <v>49</v>
      </c>
      <c r="B67" s="697">
        <v>0</v>
      </c>
      <c r="C67" s="698"/>
      <c r="D67" s="697">
        <v>0</v>
      </c>
      <c r="E67" s="698"/>
      <c r="F67" s="697">
        <v>0</v>
      </c>
      <c r="G67" s="698"/>
      <c r="H67" s="423">
        <v>0</v>
      </c>
      <c r="I67" s="697">
        <v>0</v>
      </c>
      <c r="J67" s="698"/>
      <c r="K67" s="423">
        <v>0</v>
      </c>
      <c r="L67" s="424">
        <v>0</v>
      </c>
    </row>
    <row r="68" spans="1:12" ht="10.5" x14ac:dyDescent="0.2">
      <c r="A68" s="53" t="s">
        <v>34</v>
      </c>
      <c r="B68" s="697">
        <v>0</v>
      </c>
      <c r="C68" s="698"/>
      <c r="D68" s="697">
        <v>0</v>
      </c>
      <c r="E68" s="698"/>
      <c r="F68" s="697">
        <v>0</v>
      </c>
      <c r="G68" s="698"/>
      <c r="H68" s="423">
        <v>0</v>
      </c>
      <c r="I68" s="697">
        <v>0</v>
      </c>
      <c r="J68" s="698"/>
      <c r="K68" s="423">
        <v>0</v>
      </c>
      <c r="L68" s="424">
        <v>0</v>
      </c>
    </row>
    <row r="69" spans="1:12" ht="10.5" x14ac:dyDescent="0.2">
      <c r="A69" s="53" t="s">
        <v>35</v>
      </c>
      <c r="B69" s="697">
        <v>0</v>
      </c>
      <c r="C69" s="698"/>
      <c r="D69" s="697">
        <v>0</v>
      </c>
      <c r="E69" s="698"/>
      <c r="F69" s="697">
        <v>0</v>
      </c>
      <c r="G69" s="698"/>
      <c r="H69" s="423">
        <v>0</v>
      </c>
      <c r="I69" s="697">
        <v>0</v>
      </c>
      <c r="J69" s="698"/>
      <c r="K69" s="423">
        <v>0</v>
      </c>
      <c r="L69" s="424">
        <v>0</v>
      </c>
    </row>
    <row r="70" spans="1:12" ht="10.5" x14ac:dyDescent="0.2">
      <c r="A70" s="146" t="s">
        <v>50</v>
      </c>
      <c r="B70" s="697">
        <v>0</v>
      </c>
      <c r="C70" s="698"/>
      <c r="D70" s="697">
        <v>0</v>
      </c>
      <c r="E70" s="698"/>
      <c r="F70" s="697">
        <v>0</v>
      </c>
      <c r="G70" s="698"/>
      <c r="H70" s="423">
        <v>0</v>
      </c>
      <c r="I70" s="697">
        <v>0</v>
      </c>
      <c r="J70" s="698"/>
      <c r="K70" s="423">
        <v>0</v>
      </c>
      <c r="L70" s="424">
        <v>0</v>
      </c>
    </row>
    <row r="71" spans="1:12" ht="10.5" x14ac:dyDescent="0.2">
      <c r="A71" s="29" t="s">
        <v>51</v>
      </c>
      <c r="B71" s="697">
        <v>0</v>
      </c>
      <c r="C71" s="698"/>
      <c r="D71" s="697">
        <v>0</v>
      </c>
      <c r="E71" s="698"/>
      <c r="F71" s="697">
        <v>0</v>
      </c>
      <c r="G71" s="698"/>
      <c r="H71" s="423">
        <v>0</v>
      </c>
      <c r="I71" s="697">
        <v>0</v>
      </c>
      <c r="J71" s="698"/>
      <c r="K71" s="423">
        <v>0</v>
      </c>
      <c r="L71" s="424">
        <v>0</v>
      </c>
    </row>
    <row r="72" spans="1:12" ht="10.5" x14ac:dyDescent="0.2">
      <c r="A72" s="54" t="s">
        <v>52</v>
      </c>
      <c r="B72" s="697">
        <v>0</v>
      </c>
      <c r="C72" s="698"/>
      <c r="D72" s="697">
        <v>0</v>
      </c>
      <c r="E72" s="698"/>
      <c r="F72" s="697">
        <v>0</v>
      </c>
      <c r="G72" s="698"/>
      <c r="H72" s="423">
        <v>0</v>
      </c>
      <c r="I72" s="697">
        <v>0</v>
      </c>
      <c r="J72" s="698"/>
      <c r="K72" s="423">
        <v>0</v>
      </c>
      <c r="L72" s="424">
        <v>0</v>
      </c>
    </row>
    <row r="73" spans="1:12" ht="10.5" x14ac:dyDescent="0.2">
      <c r="A73" s="425" t="s">
        <v>53</v>
      </c>
      <c r="B73" s="699">
        <v>0</v>
      </c>
      <c r="C73" s="700"/>
      <c r="D73" s="699">
        <v>0</v>
      </c>
      <c r="E73" s="700"/>
      <c r="F73" s="699">
        <v>0</v>
      </c>
      <c r="G73" s="700"/>
      <c r="H73" s="426">
        <v>0</v>
      </c>
      <c r="I73" s="699">
        <v>0</v>
      </c>
      <c r="J73" s="700"/>
      <c r="K73" s="426">
        <v>0</v>
      </c>
      <c r="L73" s="427">
        <v>0</v>
      </c>
    </row>
    <row r="74" spans="1:12" ht="5.0999999999999996" customHeight="1" x14ac:dyDescent="0.2">
      <c r="F74" s="56"/>
      <c r="G74" s="56"/>
      <c r="H74" s="56"/>
      <c r="I74" s="56"/>
      <c r="J74" s="56"/>
      <c r="K74" s="56"/>
      <c r="L74" s="56"/>
    </row>
    <row r="75" spans="1:12" ht="5.0999999999999996" customHeight="1" x14ac:dyDescent="0.2">
      <c r="F75" s="56"/>
      <c r="G75" s="56"/>
      <c r="H75" s="56"/>
      <c r="I75" s="56"/>
      <c r="J75" s="56"/>
      <c r="K75" s="56"/>
      <c r="L75" s="56"/>
    </row>
    <row r="76" spans="1:12" ht="10.5" x14ac:dyDescent="0.2">
      <c r="A76" s="730" t="s">
        <v>537</v>
      </c>
      <c r="B76" s="416" t="s">
        <v>157</v>
      </c>
      <c r="C76" s="416" t="s">
        <v>157</v>
      </c>
      <c r="D76" s="716" t="s">
        <v>158</v>
      </c>
      <c r="E76" s="725"/>
      <c r="F76" s="738" t="s">
        <v>161</v>
      </c>
      <c r="G76" s="716" t="s">
        <v>159</v>
      </c>
      <c r="H76" s="717"/>
      <c r="I76" s="767" t="s">
        <v>161</v>
      </c>
      <c r="J76" s="769" t="s">
        <v>535</v>
      </c>
      <c r="K76" s="718" t="s">
        <v>636</v>
      </c>
      <c r="L76" s="719"/>
    </row>
    <row r="77" spans="1:12" ht="10.5" x14ac:dyDescent="0.2">
      <c r="A77" s="731"/>
      <c r="B77" s="417" t="s">
        <v>111</v>
      </c>
      <c r="C77" s="417" t="s">
        <v>112</v>
      </c>
      <c r="D77" s="59" t="s">
        <v>430</v>
      </c>
      <c r="E77" s="59" t="s">
        <v>431</v>
      </c>
      <c r="F77" s="739"/>
      <c r="G77" s="59" t="s">
        <v>430</v>
      </c>
      <c r="H77" s="60" t="s">
        <v>431</v>
      </c>
      <c r="I77" s="768"/>
      <c r="J77" s="770"/>
      <c r="K77" s="720"/>
      <c r="L77" s="721"/>
    </row>
    <row r="78" spans="1:12" ht="10.5" x14ac:dyDescent="0.2">
      <c r="A78" s="731"/>
      <c r="B78" s="417"/>
      <c r="C78" s="417"/>
      <c r="D78" s="60" t="s">
        <v>121</v>
      </c>
      <c r="E78" s="60" t="s">
        <v>121</v>
      </c>
      <c r="F78" s="739"/>
      <c r="G78" s="60" t="s">
        <v>121</v>
      </c>
      <c r="H78" s="60" t="s">
        <v>121</v>
      </c>
      <c r="I78" s="768"/>
      <c r="J78" s="770"/>
      <c r="K78" s="720"/>
      <c r="L78" s="721"/>
    </row>
    <row r="79" spans="1:12" s="396" customFormat="1" ht="15" customHeight="1" x14ac:dyDescent="0.2">
      <c r="A79" s="732"/>
      <c r="B79" s="393" t="s">
        <v>162</v>
      </c>
      <c r="C79" s="393" t="s">
        <v>163</v>
      </c>
      <c r="D79" s="395"/>
      <c r="E79" s="393" t="s">
        <v>233</v>
      </c>
      <c r="F79" s="394" t="s">
        <v>539</v>
      </c>
      <c r="G79" s="395"/>
      <c r="H79" s="393" t="s">
        <v>165</v>
      </c>
      <c r="I79" s="393" t="s">
        <v>540</v>
      </c>
      <c r="J79" s="393" t="s">
        <v>349</v>
      </c>
      <c r="K79" s="722"/>
      <c r="L79" s="723"/>
    </row>
    <row r="80" spans="1:12" ht="10.5" x14ac:dyDescent="0.2">
      <c r="A80" s="151" t="s">
        <v>851</v>
      </c>
      <c r="B80" s="492">
        <v>993939500</v>
      </c>
      <c r="C80" s="492">
        <v>1205084178.5599999</v>
      </c>
      <c r="D80" s="492">
        <v>511430955.34000003</v>
      </c>
      <c r="E80" s="492">
        <v>887739645.8499999</v>
      </c>
      <c r="F80" s="492">
        <v>317344532.71000004</v>
      </c>
      <c r="G80" s="492">
        <v>169630015.91</v>
      </c>
      <c r="H80" s="492">
        <v>361944685.31999999</v>
      </c>
      <c r="I80" s="492">
        <v>843139493.24000001</v>
      </c>
      <c r="J80" s="492">
        <v>308553248.41999996</v>
      </c>
      <c r="K80" s="707">
        <v>0</v>
      </c>
      <c r="L80" s="771"/>
    </row>
    <row r="81" spans="1:12" ht="10.5" x14ac:dyDescent="0.2">
      <c r="A81" s="62" t="s">
        <v>86</v>
      </c>
      <c r="B81" s="492">
        <v>993939500</v>
      </c>
      <c r="C81" s="492">
        <v>1205084178.5599999</v>
      </c>
      <c r="D81" s="492">
        <v>511430955.34000003</v>
      </c>
      <c r="E81" s="492">
        <v>887739645.8499999</v>
      </c>
      <c r="F81" s="492">
        <v>317344532.71000004</v>
      </c>
      <c r="G81" s="492">
        <v>169630015.91</v>
      </c>
      <c r="H81" s="492">
        <v>361944685.31999999</v>
      </c>
      <c r="I81" s="492">
        <v>843139493.24000001</v>
      </c>
      <c r="J81" s="492">
        <v>308553248.41999996</v>
      </c>
      <c r="K81" s="697">
        <v>0</v>
      </c>
      <c r="L81" s="715"/>
    </row>
    <row r="82" spans="1:12" s="44" customFormat="1" ht="10.5" x14ac:dyDescent="0.2">
      <c r="A82" s="62" t="s">
        <v>87</v>
      </c>
      <c r="B82" s="423">
        <v>713422400</v>
      </c>
      <c r="C82" s="423">
        <v>744321893.75</v>
      </c>
      <c r="D82" s="423">
        <v>238144602.77000001</v>
      </c>
      <c r="E82" s="423">
        <v>466476657.52999997</v>
      </c>
      <c r="F82" s="423">
        <v>277845236.22000003</v>
      </c>
      <c r="G82" s="424">
        <v>95521694.489999995</v>
      </c>
      <c r="H82" s="424">
        <v>213676825.66</v>
      </c>
      <c r="I82" s="424">
        <v>530645068.09000003</v>
      </c>
      <c r="J82" s="423">
        <v>171172765.50999999</v>
      </c>
      <c r="K82" s="697"/>
      <c r="L82" s="715"/>
    </row>
    <row r="83" spans="1:12" ht="10.5" x14ac:dyDescent="0.2">
      <c r="A83" s="62" t="s">
        <v>88</v>
      </c>
      <c r="B83" s="423">
        <v>0</v>
      </c>
      <c r="C83" s="423">
        <v>0</v>
      </c>
      <c r="D83" s="423">
        <v>0</v>
      </c>
      <c r="E83" s="423">
        <v>0</v>
      </c>
      <c r="F83" s="423">
        <v>0</v>
      </c>
      <c r="G83" s="424">
        <v>0</v>
      </c>
      <c r="H83" s="424">
        <v>0</v>
      </c>
      <c r="I83" s="424">
        <v>0</v>
      </c>
      <c r="J83" s="423">
        <v>0</v>
      </c>
      <c r="K83" s="697"/>
      <c r="L83" s="715"/>
    </row>
    <row r="84" spans="1:12" ht="10.5" x14ac:dyDescent="0.2">
      <c r="A84" s="62" t="s">
        <v>89</v>
      </c>
      <c r="B84" s="493">
        <v>280517100</v>
      </c>
      <c r="C84" s="493">
        <v>460762284.81</v>
      </c>
      <c r="D84" s="493">
        <v>273286352.56999999</v>
      </c>
      <c r="E84" s="493">
        <v>421262988.31999999</v>
      </c>
      <c r="F84" s="493">
        <v>39499296.49000001</v>
      </c>
      <c r="G84" s="493">
        <v>74108321.420000002</v>
      </c>
      <c r="H84" s="493">
        <v>148267859.66</v>
      </c>
      <c r="I84" s="493">
        <v>312494425.14999998</v>
      </c>
      <c r="J84" s="493">
        <v>137380482.91</v>
      </c>
      <c r="K84" s="697">
        <v>0</v>
      </c>
      <c r="L84" s="715"/>
    </row>
    <row r="85" spans="1:12" ht="10.5" x14ac:dyDescent="0.2">
      <c r="A85" s="63" t="s">
        <v>736</v>
      </c>
      <c r="B85" s="423">
        <v>0</v>
      </c>
      <c r="C85" s="423">
        <v>0</v>
      </c>
      <c r="D85" s="423">
        <v>0</v>
      </c>
      <c r="E85" s="423">
        <v>0</v>
      </c>
      <c r="F85" s="423">
        <v>0</v>
      </c>
      <c r="G85" s="424">
        <v>0</v>
      </c>
      <c r="H85" s="424">
        <v>0</v>
      </c>
      <c r="I85" s="424">
        <v>0</v>
      </c>
      <c r="J85" s="423">
        <v>0</v>
      </c>
      <c r="K85" s="697"/>
      <c r="L85" s="715"/>
    </row>
    <row r="86" spans="1:12" ht="10.5" x14ac:dyDescent="0.2">
      <c r="A86" s="63" t="s">
        <v>737</v>
      </c>
      <c r="B86" s="423">
        <v>280517100</v>
      </c>
      <c r="C86" s="423">
        <v>460762284.81</v>
      </c>
      <c r="D86" s="423">
        <v>273286352.56999999</v>
      </c>
      <c r="E86" s="423">
        <v>421262988.31999999</v>
      </c>
      <c r="F86" s="423">
        <v>39499296.49000001</v>
      </c>
      <c r="G86" s="424">
        <v>74108321.420000002</v>
      </c>
      <c r="H86" s="424">
        <v>148267859.66</v>
      </c>
      <c r="I86" s="424">
        <v>312494425.14999998</v>
      </c>
      <c r="J86" s="423">
        <v>137380482.91</v>
      </c>
      <c r="K86" s="697"/>
      <c r="L86" s="715"/>
    </row>
    <row r="87" spans="1:12" s="44" customFormat="1" ht="10.5" x14ac:dyDescent="0.2">
      <c r="A87" s="62" t="s">
        <v>90</v>
      </c>
      <c r="B87" s="493">
        <v>0</v>
      </c>
      <c r="C87" s="493">
        <v>0</v>
      </c>
      <c r="D87" s="493">
        <v>0</v>
      </c>
      <c r="E87" s="493">
        <v>0</v>
      </c>
      <c r="F87" s="493">
        <v>0</v>
      </c>
      <c r="G87" s="493">
        <v>0</v>
      </c>
      <c r="H87" s="493">
        <v>0</v>
      </c>
      <c r="I87" s="493">
        <v>0</v>
      </c>
      <c r="J87" s="493">
        <v>0</v>
      </c>
      <c r="K87" s="697">
        <v>0</v>
      </c>
      <c r="L87" s="715"/>
    </row>
    <row r="88" spans="1:12" ht="10.5" x14ac:dyDescent="0.2">
      <c r="A88" s="56" t="s">
        <v>91</v>
      </c>
      <c r="B88" s="423">
        <v>0</v>
      </c>
      <c r="C88" s="423">
        <v>0</v>
      </c>
      <c r="D88" s="423">
        <v>0</v>
      </c>
      <c r="E88" s="423">
        <v>0</v>
      </c>
      <c r="F88" s="423">
        <v>0</v>
      </c>
      <c r="G88" s="424">
        <v>0</v>
      </c>
      <c r="H88" s="424">
        <v>0</v>
      </c>
      <c r="I88" s="424">
        <v>0</v>
      </c>
      <c r="J88" s="423">
        <v>0</v>
      </c>
      <c r="K88" s="697"/>
      <c r="L88" s="715"/>
    </row>
    <row r="89" spans="1:12" ht="10.5" x14ac:dyDescent="0.2">
      <c r="A89" s="56" t="s">
        <v>92</v>
      </c>
      <c r="B89" s="423">
        <v>0</v>
      </c>
      <c r="C89" s="423">
        <v>0</v>
      </c>
      <c r="D89" s="423">
        <v>0</v>
      </c>
      <c r="E89" s="423">
        <v>0</v>
      </c>
      <c r="F89" s="423">
        <v>0</v>
      </c>
      <c r="G89" s="424">
        <v>0</v>
      </c>
      <c r="H89" s="424">
        <v>0</v>
      </c>
      <c r="I89" s="424">
        <v>0</v>
      </c>
      <c r="J89" s="423">
        <v>0</v>
      </c>
      <c r="K89" s="697"/>
      <c r="L89" s="715"/>
    </row>
    <row r="90" spans="1:12" ht="10.5" x14ac:dyDescent="0.2">
      <c r="A90" s="56" t="s">
        <v>93</v>
      </c>
      <c r="B90" s="423">
        <v>0</v>
      </c>
      <c r="C90" s="423">
        <v>0</v>
      </c>
      <c r="D90" s="423">
        <v>0</v>
      </c>
      <c r="E90" s="423">
        <v>0</v>
      </c>
      <c r="F90" s="423">
        <v>0</v>
      </c>
      <c r="G90" s="424">
        <v>0</v>
      </c>
      <c r="H90" s="424">
        <v>0</v>
      </c>
      <c r="I90" s="424">
        <v>0</v>
      </c>
      <c r="J90" s="423">
        <v>0</v>
      </c>
      <c r="K90" s="699"/>
      <c r="L90" s="736"/>
    </row>
    <row r="91" spans="1:12" ht="10.5" x14ac:dyDescent="0.2">
      <c r="A91" s="74" t="s">
        <v>848</v>
      </c>
      <c r="B91" s="154"/>
      <c r="C91" s="154"/>
      <c r="D91" s="154"/>
      <c r="E91" s="154"/>
      <c r="F91" s="447"/>
      <c r="G91" s="154"/>
      <c r="H91" s="154"/>
      <c r="I91" s="447"/>
      <c r="J91" s="154"/>
      <c r="K91" s="154"/>
    </row>
    <row r="92" spans="1:12" ht="10.5" x14ac:dyDescent="0.2">
      <c r="D92" s="204"/>
      <c r="I92" s="204"/>
      <c r="J92" s="204"/>
    </row>
    <row r="93" spans="1:12" ht="10.5" x14ac:dyDescent="0.2">
      <c r="D93" s="204"/>
      <c r="J93" s="204"/>
    </row>
    <row r="94" spans="1:12" ht="10.5" x14ac:dyDescent="0.2">
      <c r="D94" s="204"/>
    </row>
  </sheetData>
  <customSheetViews>
    <customSheetView guid="{6DBFA32C-4AA4-4E1D-9A48-697377C64CC3}" showPageBreaks="1" showGridLines="0" fitToPage="1" printArea="1" topLeftCell="A61">
      <selection activeCell="H9" sqref="H9"/>
      <pageMargins left="0.19685039370078741" right="0.19685039370078741" top="0.39370078740157483" bottom="0.19685039370078741" header="0" footer="0"/>
      <printOptions horizontalCentered="1"/>
      <pageSetup paperSize="9" scale="43" orientation="portrait" r:id="rId1"/>
    </customSheetView>
    <customSheetView guid="{3AAF6A5F-F9AA-430B-9AD9-1261ECDF41B5}" scale="80" showPageBreaks="1" showGridLines="0" fitToPage="1" printArea="1" topLeftCell="A49">
      <selection activeCell="A101" sqref="A101"/>
      <pageMargins left="0.19685039370078741" right="0.19685039370078741" top="0.39370078740157483" bottom="0.19685039370078741" header="0" footer="0"/>
      <printOptions horizontalCentered="1"/>
      <pageSetup paperSize="9" scale="42" orientation="portrait" r:id="rId2"/>
    </customSheetView>
    <customSheetView guid="{C779D862-DE28-46CD-A428-4AAA1056D1E1}" showPageBreaks="1" showGridLines="0" fitToPage="1" printArea="1" topLeftCell="B16">
      <selection activeCell="I75" sqref="I75"/>
      <pageMargins left="0.19685039370078741" right="0.19685039370078741" top="0.39370078740157483" bottom="0.19685039370078741" header="0" footer="0"/>
      <printOptions horizontalCentered="1"/>
      <pageSetup paperSize="9" scale="42" orientation="portrait" r:id="rId3"/>
    </customSheetView>
    <customSheetView guid="{25EF1E0D-169B-4051-B414-7E1196FC05E4}" showGridLines="0" fitToPage="1">
      <selection activeCell="B27" sqref="B27:C27"/>
      <pageMargins left="0.19685039370078741" right="0.19685039370078741" top="0.39370078740157483" bottom="0.19685039370078741" header="0" footer="0"/>
      <printOptions horizontalCentered="1"/>
      <pageSetup paperSize="9" scale="42" orientation="portrait" r:id="rId4"/>
    </customSheetView>
    <customSheetView guid="{B4FED47C-EE37-4843-A570-282D4F8229D4}" showGridLines="0" fitToPage="1">
      <pageMargins left="0.19685039370078741" right="0.19685039370078741" top="0.39370078740157483" bottom="0.19685039370078741" header="0" footer="0"/>
      <printOptions horizontalCentered="1"/>
      <pageSetup paperSize="9" scale="39" orientation="portrait" r:id="rId5"/>
    </customSheetView>
    <customSheetView guid="{82EDB5A4-4824-4632-A540-7A52C92F04C7}" scale="90" showPageBreaks="1" showGridLines="0" fitToPage="1" topLeftCell="A10">
      <pane xSplit="1" ySplit="3" topLeftCell="C64" activePane="bottomRight" state="frozen"/>
      <selection pane="bottomRight" activeCell="E93" sqref="E93"/>
      <pageMargins left="0.19685039370078741" right="0.19685039370078741" top="0.39370078740157483" bottom="0.19685039370078741" header="0" footer="0"/>
      <printOptions horizontalCentered="1"/>
      <pageSetup paperSize="9" scale="40" orientation="portrait" r:id="rId6"/>
    </customSheetView>
  </customSheetViews>
  <mergeCells count="278">
    <mergeCell ref="K85:L85"/>
    <mergeCell ref="K86:L86"/>
    <mergeCell ref="K87:L87"/>
    <mergeCell ref="K88:L88"/>
    <mergeCell ref="K89:L89"/>
    <mergeCell ref="K90:L90"/>
    <mergeCell ref="K76:L79"/>
    <mergeCell ref="K80:L80"/>
    <mergeCell ref="K81:L81"/>
    <mergeCell ref="K82:L82"/>
    <mergeCell ref="K83:L83"/>
    <mergeCell ref="K84:L84"/>
    <mergeCell ref="B73:C73"/>
    <mergeCell ref="D73:E73"/>
    <mergeCell ref="F73:G73"/>
    <mergeCell ref="I73:J73"/>
    <mergeCell ref="A76:A79"/>
    <mergeCell ref="D76:E76"/>
    <mergeCell ref="F76:F78"/>
    <mergeCell ref="G76:H76"/>
    <mergeCell ref="I76:I78"/>
    <mergeCell ref="J76:J78"/>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s>
  <printOptions horizontalCentered="1"/>
  <pageMargins left="0.19685039370078741" right="0.19685039370078741" top="0.39370078740157483" bottom="0.19685039370078741" header="0" footer="0"/>
  <pageSetup paperSize="9" scale="42" orientation="portrait" r:id="rId7"/>
  <drawing r:id="rId8"/>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pageSetUpPr fitToPage="1"/>
  </sheetPr>
  <dimension ref="A1:L205"/>
  <sheetViews>
    <sheetView showGridLines="0" zoomScaleNormal="100" workbookViewId="0"/>
  </sheetViews>
  <sheetFormatPr defaultColWidth="9.140625" defaultRowHeight="11.25" customHeight="1" x14ac:dyDescent="0.2"/>
  <cols>
    <col min="1" max="1" width="45.28515625" style="56" customWidth="1"/>
    <col min="2" max="2" width="21.140625" style="45" customWidth="1"/>
    <col min="3" max="3" width="19.7109375" style="45" customWidth="1"/>
    <col min="4" max="4" width="19.28515625" style="45" customWidth="1"/>
    <col min="5" max="5" width="19.7109375" style="45" customWidth="1"/>
    <col min="6" max="6" width="10.5703125" style="45" customWidth="1"/>
    <col min="7" max="7" width="20.140625" style="45" bestFit="1" customWidth="1"/>
    <col min="8" max="8" width="18.7109375" style="45" customWidth="1"/>
    <col min="9" max="9" width="20.140625" style="45" bestFit="1" customWidth="1"/>
    <col min="10" max="10" width="14.85546875" style="45" customWidth="1"/>
    <col min="11" max="11" width="20.5703125" style="45" customWidth="1"/>
    <col min="12" max="12" width="16.42578125" style="45" customWidth="1"/>
    <col min="13" max="16384" width="9.140625" style="188"/>
  </cols>
  <sheetData>
    <row r="1" spans="1:12" s="26" customFormat="1" ht="10.5" x14ac:dyDescent="0.2">
      <c r="A1" s="128"/>
    </row>
    <row r="2" spans="1:12" s="26" customFormat="1" ht="11.25" customHeight="1" x14ac:dyDescent="0.2">
      <c r="A2" s="128"/>
    </row>
    <row r="3" spans="1:12" s="45" customFormat="1" ht="10.5" x14ac:dyDescent="0.2">
      <c r="A3" s="740" t="s">
        <v>638</v>
      </c>
      <c r="B3" s="740"/>
      <c r="C3" s="740"/>
      <c r="D3" s="740"/>
      <c r="E3" s="740"/>
      <c r="F3" s="740"/>
      <c r="G3" s="740"/>
      <c r="H3" s="740"/>
      <c r="I3" s="740"/>
      <c r="J3" s="740"/>
      <c r="K3" s="740"/>
      <c r="L3" s="740"/>
    </row>
    <row r="4" spans="1:12" s="45" customFormat="1" ht="10.5" x14ac:dyDescent="0.2">
      <c r="A4" s="740" t="s">
        <v>105</v>
      </c>
      <c r="B4" s="740"/>
      <c r="C4" s="740"/>
      <c r="D4" s="740"/>
      <c r="E4" s="740"/>
      <c r="F4" s="740"/>
      <c r="G4" s="740"/>
      <c r="H4" s="740"/>
      <c r="I4" s="740"/>
      <c r="J4" s="740"/>
      <c r="K4" s="740"/>
      <c r="L4" s="740"/>
    </row>
    <row r="5" spans="1:12" s="45" customFormat="1" ht="10.5" x14ac:dyDescent="0.2">
      <c r="A5" s="740" t="s">
        <v>168</v>
      </c>
      <c r="B5" s="740"/>
      <c r="C5" s="740"/>
      <c r="D5" s="740"/>
      <c r="E5" s="740"/>
      <c r="F5" s="740"/>
      <c r="G5" s="740"/>
      <c r="H5" s="740"/>
      <c r="I5" s="740"/>
      <c r="J5" s="740"/>
      <c r="K5" s="740"/>
      <c r="L5" s="740"/>
    </row>
    <row r="6" spans="1:12" s="45" customFormat="1" ht="10.5" x14ac:dyDescent="0.2">
      <c r="A6" s="740" t="s">
        <v>107</v>
      </c>
      <c r="B6" s="740"/>
      <c r="C6" s="740"/>
      <c r="D6" s="740"/>
      <c r="E6" s="740"/>
      <c r="F6" s="740"/>
      <c r="G6" s="740"/>
      <c r="H6" s="740"/>
      <c r="I6" s="740"/>
      <c r="J6" s="740"/>
      <c r="K6" s="740"/>
      <c r="L6" s="740"/>
    </row>
    <row r="7" spans="1:12" s="45" customFormat="1" ht="10.5" x14ac:dyDescent="0.2">
      <c r="A7" s="740" t="s">
        <v>902</v>
      </c>
      <c r="B7" s="740"/>
      <c r="C7" s="740"/>
      <c r="D7" s="740"/>
      <c r="E7" s="740"/>
      <c r="F7" s="740"/>
      <c r="G7" s="740"/>
      <c r="H7" s="740"/>
      <c r="I7" s="740"/>
      <c r="J7" s="740"/>
      <c r="K7" s="740"/>
      <c r="L7" s="740"/>
    </row>
    <row r="8" spans="1:12" s="26" customFormat="1" ht="10.5" x14ac:dyDescent="0.2">
      <c r="A8" s="31"/>
      <c r="B8" s="46"/>
      <c r="C8" s="46"/>
      <c r="D8" s="46"/>
      <c r="E8" s="46"/>
      <c r="F8" s="46"/>
      <c r="G8" s="46"/>
      <c r="H8" s="46"/>
      <c r="I8" s="46"/>
      <c r="J8" s="46"/>
      <c r="K8" s="46"/>
      <c r="L8" s="46"/>
    </row>
    <row r="9" spans="1:12" s="26" customFormat="1" ht="10.5" x14ac:dyDescent="0.2">
      <c r="A9" s="112" t="s">
        <v>363</v>
      </c>
      <c r="B9" s="112"/>
      <c r="L9" s="621">
        <v>1</v>
      </c>
    </row>
    <row r="10" spans="1:12" ht="20.100000000000001" customHeight="1" x14ac:dyDescent="0.2">
      <c r="A10" s="109"/>
      <c r="B10" s="184" t="s">
        <v>157</v>
      </c>
      <c r="C10" s="184" t="s">
        <v>157</v>
      </c>
      <c r="D10" s="749" t="s">
        <v>158</v>
      </c>
      <c r="E10" s="750"/>
      <c r="F10" s="751"/>
      <c r="G10" s="738" t="s">
        <v>161</v>
      </c>
      <c r="H10" s="772" t="s">
        <v>159</v>
      </c>
      <c r="I10" s="773"/>
      <c r="J10" s="774"/>
      <c r="K10" s="738" t="s">
        <v>161</v>
      </c>
      <c r="L10" s="718" t="s">
        <v>732</v>
      </c>
    </row>
    <row r="11" spans="1:12" ht="20.100000000000001" customHeight="1" x14ac:dyDescent="0.15">
      <c r="A11" s="443" t="s">
        <v>169</v>
      </c>
      <c r="B11" s="186" t="s">
        <v>111</v>
      </c>
      <c r="C11" s="186" t="s">
        <v>112</v>
      </c>
      <c r="D11" s="775" t="s">
        <v>113</v>
      </c>
      <c r="E11" s="200" t="s">
        <v>115</v>
      </c>
      <c r="F11" s="200" t="s">
        <v>114</v>
      </c>
      <c r="G11" s="739"/>
      <c r="H11" s="775" t="s">
        <v>113</v>
      </c>
      <c r="I11" s="200" t="s">
        <v>115</v>
      </c>
      <c r="J11" s="200" t="s">
        <v>114</v>
      </c>
      <c r="K11" s="739"/>
      <c r="L11" s="720"/>
    </row>
    <row r="12" spans="1:12" s="19" customFormat="1" ht="20.100000000000001" customHeight="1" x14ac:dyDescent="0.2">
      <c r="A12" s="49"/>
      <c r="B12" s="110"/>
      <c r="C12" s="398" t="s">
        <v>116</v>
      </c>
      <c r="D12" s="776"/>
      <c r="E12" s="398" t="s">
        <v>117</v>
      </c>
      <c r="F12" s="398" t="s">
        <v>59</v>
      </c>
      <c r="G12" s="399" t="s">
        <v>279</v>
      </c>
      <c r="H12" s="776"/>
      <c r="I12" s="398" t="s">
        <v>162</v>
      </c>
      <c r="J12" s="398" t="s">
        <v>542</v>
      </c>
      <c r="K12" s="399" t="s">
        <v>541</v>
      </c>
      <c r="L12" s="722"/>
    </row>
    <row r="13" spans="1:12" s="19" customFormat="1" ht="15" customHeight="1" x14ac:dyDescent="0.2">
      <c r="A13" s="142" t="s">
        <v>220</v>
      </c>
      <c r="B13" s="421">
        <v>12932585500</v>
      </c>
      <c r="C13" s="421">
        <v>13098673288.440001</v>
      </c>
      <c r="D13" s="421">
        <v>2738058226.0900006</v>
      </c>
      <c r="E13" s="421">
        <v>8120711408.4899998</v>
      </c>
      <c r="F13" s="421">
        <v>90.145479611366554</v>
      </c>
      <c r="G13" s="421">
        <v>4977961879.9499989</v>
      </c>
      <c r="H13" s="421">
        <v>1847716287.8599999</v>
      </c>
      <c r="I13" s="421">
        <v>3517800076.6399994</v>
      </c>
      <c r="J13" s="421">
        <v>90.67091503366963</v>
      </c>
      <c r="K13" s="421">
        <v>9580873211.7999992</v>
      </c>
      <c r="L13" s="422">
        <v>0</v>
      </c>
    </row>
    <row r="14" spans="1:12" s="19" customFormat="1" ht="10.5" x14ac:dyDescent="0.2">
      <c r="A14" s="142"/>
      <c r="B14" s="423"/>
      <c r="C14" s="423"/>
      <c r="D14" s="493"/>
      <c r="E14" s="493"/>
      <c r="F14" s="499"/>
      <c r="G14" s="493"/>
      <c r="H14" s="493"/>
      <c r="I14" s="493"/>
      <c r="J14" s="490"/>
      <c r="K14" s="499"/>
      <c r="L14" s="490"/>
    </row>
    <row r="15" spans="1:12" s="185" customFormat="1" ht="10.5" x14ac:dyDescent="0.2">
      <c r="A15" s="142" t="s">
        <v>639</v>
      </c>
      <c r="B15" s="421">
        <v>363933000</v>
      </c>
      <c r="C15" s="421">
        <v>365493000</v>
      </c>
      <c r="D15" s="421">
        <v>32191828.399999999</v>
      </c>
      <c r="E15" s="421">
        <v>182564653.23000002</v>
      </c>
      <c r="F15" s="421">
        <v>2.0265931637830885</v>
      </c>
      <c r="G15" s="421">
        <v>182928346.77000001</v>
      </c>
      <c r="H15" s="421">
        <v>52891320.5</v>
      </c>
      <c r="I15" s="421">
        <v>106709777.48</v>
      </c>
      <c r="J15" s="421">
        <v>2.7504329286365614</v>
      </c>
      <c r="K15" s="421">
        <v>258783222.51999998</v>
      </c>
      <c r="L15" s="422">
        <v>0</v>
      </c>
    </row>
    <row r="16" spans="1:12" s="264" customFormat="1" ht="10.5" customHeight="1" x14ac:dyDescent="0.2">
      <c r="A16" s="445" t="s">
        <v>640</v>
      </c>
      <c r="B16" s="432">
        <v>206657000</v>
      </c>
      <c r="C16" s="423">
        <v>206657000</v>
      </c>
      <c r="D16" s="423">
        <v>27430704.739999998</v>
      </c>
      <c r="E16" s="423">
        <v>62184085.890000001</v>
      </c>
      <c r="F16" s="423">
        <v>0.69028610484642172</v>
      </c>
      <c r="G16" s="423">
        <v>144472914.11000001</v>
      </c>
      <c r="H16" s="423">
        <v>28747615.030000001</v>
      </c>
      <c r="I16" s="423">
        <v>57980201.090000004</v>
      </c>
      <c r="J16" s="423">
        <v>1.4944333879507352</v>
      </c>
      <c r="K16" s="423">
        <v>148676798.91</v>
      </c>
      <c r="L16" s="424">
        <v>0</v>
      </c>
    </row>
    <row r="17" spans="1:12" s="264" customFormat="1" ht="10.5" customHeight="1" x14ac:dyDescent="0.2">
      <c r="A17" s="445" t="s">
        <v>641</v>
      </c>
      <c r="B17" s="432">
        <v>157276000</v>
      </c>
      <c r="C17" s="423">
        <v>158836000</v>
      </c>
      <c r="D17" s="423">
        <v>4761123.66</v>
      </c>
      <c r="E17" s="423">
        <v>120380567.34</v>
      </c>
      <c r="F17" s="423">
        <v>1.3363070589366668</v>
      </c>
      <c r="G17" s="423">
        <v>38455432.659999996</v>
      </c>
      <c r="H17" s="423">
        <v>24143705.469999999</v>
      </c>
      <c r="I17" s="423">
        <v>48729576.390000001</v>
      </c>
      <c r="J17" s="423">
        <v>1.2559995406858264</v>
      </c>
      <c r="K17" s="423">
        <v>110106423.61</v>
      </c>
      <c r="L17" s="424">
        <v>0</v>
      </c>
    </row>
    <row r="18" spans="1:12" ht="10.5" x14ac:dyDescent="0.2">
      <c r="A18" s="445"/>
      <c r="B18" s="432"/>
      <c r="C18" s="421"/>
      <c r="D18" s="421"/>
      <c r="E18" s="421"/>
      <c r="F18" s="421"/>
      <c r="G18" s="421"/>
      <c r="H18" s="421"/>
      <c r="I18" s="421"/>
      <c r="J18" s="421"/>
      <c r="K18" s="421"/>
      <c r="L18" s="422"/>
    </row>
    <row r="19" spans="1:12" s="66" customFormat="1" ht="10.5" x14ac:dyDescent="0.2">
      <c r="A19" s="142" t="s">
        <v>642</v>
      </c>
      <c r="B19" s="421">
        <v>633355000</v>
      </c>
      <c r="C19" s="421">
        <v>696423100</v>
      </c>
      <c r="D19" s="421">
        <v>37074603.859999999</v>
      </c>
      <c r="E19" s="421">
        <v>612587240.64999998</v>
      </c>
      <c r="F19" s="421">
        <v>6.8001395240403051</v>
      </c>
      <c r="G19" s="421">
        <v>83835859.350000024</v>
      </c>
      <c r="H19" s="421">
        <v>115792938.81999999</v>
      </c>
      <c r="I19" s="421">
        <v>242720445.66</v>
      </c>
      <c r="J19" s="421">
        <v>6.2560931337498751</v>
      </c>
      <c r="K19" s="421">
        <v>453702654.34000003</v>
      </c>
      <c r="L19" s="422">
        <v>0</v>
      </c>
    </row>
    <row r="20" spans="1:12" s="264" customFormat="1" ht="10.5" x14ac:dyDescent="0.2">
      <c r="A20" s="445" t="s">
        <v>643</v>
      </c>
      <c r="B20" s="423">
        <v>633355000</v>
      </c>
      <c r="C20" s="423">
        <v>696423100</v>
      </c>
      <c r="D20" s="423">
        <v>37074603.859999999</v>
      </c>
      <c r="E20" s="423">
        <v>612587240.64999998</v>
      </c>
      <c r="F20" s="423">
        <v>6.8001395240403051</v>
      </c>
      <c r="G20" s="423">
        <v>83835859.350000024</v>
      </c>
      <c r="H20" s="423">
        <v>115792938.81999999</v>
      </c>
      <c r="I20" s="423">
        <v>242720445.66</v>
      </c>
      <c r="J20" s="423">
        <v>6.2560931337498751</v>
      </c>
      <c r="K20" s="423">
        <v>453702654.34000003</v>
      </c>
      <c r="L20" s="424">
        <v>0</v>
      </c>
    </row>
    <row r="21" spans="1:12" s="264" customFormat="1" ht="10.5" x14ac:dyDescent="0.2">
      <c r="A21" s="445" t="s">
        <v>651</v>
      </c>
      <c r="B21" s="423">
        <v>0</v>
      </c>
      <c r="C21" s="423">
        <v>0</v>
      </c>
      <c r="D21" s="423">
        <v>0</v>
      </c>
      <c r="E21" s="423">
        <v>0</v>
      </c>
      <c r="F21" s="423">
        <v>0</v>
      </c>
      <c r="G21" s="423">
        <v>0</v>
      </c>
      <c r="H21" s="423">
        <v>0</v>
      </c>
      <c r="I21" s="423">
        <v>0</v>
      </c>
      <c r="J21" s="423">
        <v>0</v>
      </c>
      <c r="K21" s="423">
        <v>0</v>
      </c>
      <c r="L21" s="424">
        <v>0</v>
      </c>
    </row>
    <row r="22" spans="1:12" s="264" customFormat="1" ht="10.5" x14ac:dyDescent="0.2">
      <c r="A22" s="445" t="s">
        <v>800</v>
      </c>
      <c r="B22" s="423">
        <v>0</v>
      </c>
      <c r="C22" s="423">
        <v>0</v>
      </c>
      <c r="D22" s="423">
        <v>0</v>
      </c>
      <c r="E22" s="423">
        <v>0</v>
      </c>
      <c r="F22" s="423">
        <v>0</v>
      </c>
      <c r="G22" s="423">
        <v>0</v>
      </c>
      <c r="H22" s="423">
        <v>0</v>
      </c>
      <c r="I22" s="423">
        <v>0</v>
      </c>
      <c r="J22" s="423">
        <v>0</v>
      </c>
      <c r="K22" s="423">
        <v>0</v>
      </c>
      <c r="L22" s="424">
        <v>0</v>
      </c>
    </row>
    <row r="23" spans="1:12" s="264" customFormat="1" ht="10.5" x14ac:dyDescent="0.2">
      <c r="A23" s="445" t="s">
        <v>742</v>
      </c>
      <c r="B23" s="423">
        <v>0</v>
      </c>
      <c r="C23" s="423">
        <v>0</v>
      </c>
      <c r="D23" s="423">
        <v>0</v>
      </c>
      <c r="E23" s="423">
        <v>0</v>
      </c>
      <c r="F23" s="423">
        <v>0</v>
      </c>
      <c r="G23" s="423">
        <v>0</v>
      </c>
      <c r="H23" s="423">
        <v>0</v>
      </c>
      <c r="I23" s="423">
        <v>0</v>
      </c>
      <c r="J23" s="423">
        <v>0</v>
      </c>
      <c r="K23" s="423">
        <v>0</v>
      </c>
      <c r="L23" s="424">
        <v>0</v>
      </c>
    </row>
    <row r="24" spans="1:12" ht="10.5" x14ac:dyDescent="0.2">
      <c r="A24" s="445"/>
      <c r="B24" s="423"/>
      <c r="C24" s="421"/>
      <c r="D24" s="421"/>
      <c r="E24" s="421"/>
      <c r="F24" s="421"/>
      <c r="G24" s="421"/>
      <c r="H24" s="421"/>
      <c r="I24" s="421"/>
      <c r="J24" s="421"/>
      <c r="K24" s="421"/>
      <c r="L24" s="422"/>
    </row>
    <row r="25" spans="1:12" s="66" customFormat="1" ht="10.5" x14ac:dyDescent="0.2">
      <c r="A25" s="160" t="s">
        <v>743</v>
      </c>
      <c r="B25" s="421">
        <v>513600900</v>
      </c>
      <c r="C25" s="421">
        <v>515216000</v>
      </c>
      <c r="D25" s="421">
        <v>43223240.32</v>
      </c>
      <c r="E25" s="421">
        <v>186733552.50999996</v>
      </c>
      <c r="F25" s="421">
        <v>2.0728708119032002</v>
      </c>
      <c r="G25" s="421">
        <v>328482447.49000001</v>
      </c>
      <c r="H25" s="421">
        <v>69267442.950000018</v>
      </c>
      <c r="I25" s="421">
        <v>134910883.83000001</v>
      </c>
      <c r="J25" s="421">
        <v>3.4773133829000824</v>
      </c>
      <c r="K25" s="421">
        <v>380305116.17000002</v>
      </c>
      <c r="L25" s="422">
        <v>0</v>
      </c>
    </row>
    <row r="26" spans="1:12" s="66" customFormat="1" ht="10.5" x14ac:dyDescent="0.2">
      <c r="A26" s="445" t="s">
        <v>643</v>
      </c>
      <c r="B26" s="423">
        <v>0</v>
      </c>
      <c r="C26" s="423">
        <v>0</v>
      </c>
      <c r="D26" s="423">
        <v>0</v>
      </c>
      <c r="E26" s="423">
        <v>0</v>
      </c>
      <c r="F26" s="493">
        <v>0</v>
      </c>
      <c r="G26" s="423">
        <v>0</v>
      </c>
      <c r="H26" s="423">
        <v>0</v>
      </c>
      <c r="I26" s="423">
        <v>0</v>
      </c>
      <c r="J26" s="493">
        <v>0</v>
      </c>
      <c r="K26" s="423">
        <v>0</v>
      </c>
      <c r="L26" s="424">
        <v>0</v>
      </c>
    </row>
    <row r="27" spans="1:12" s="264" customFormat="1" ht="10.5" x14ac:dyDescent="0.2">
      <c r="A27" s="445" t="s">
        <v>644</v>
      </c>
      <c r="B27" s="500">
        <v>331019000</v>
      </c>
      <c r="C27" s="423">
        <v>331049000</v>
      </c>
      <c r="D27" s="423">
        <v>22389755.420000002</v>
      </c>
      <c r="E27" s="423">
        <v>103270978.06999999</v>
      </c>
      <c r="F27" s="423">
        <v>1.1463788552222542</v>
      </c>
      <c r="G27" s="423">
        <v>227778021.93000001</v>
      </c>
      <c r="H27" s="423">
        <v>41199334.520000003</v>
      </c>
      <c r="I27" s="423">
        <v>78443125.329999998</v>
      </c>
      <c r="J27" s="423">
        <v>2.0218630384946121</v>
      </c>
      <c r="K27" s="423">
        <v>252605874.67000002</v>
      </c>
      <c r="L27" s="424">
        <v>0</v>
      </c>
    </row>
    <row r="28" spans="1:12" s="264" customFormat="1" ht="10.5" x14ac:dyDescent="0.2">
      <c r="A28" s="445" t="s">
        <v>645</v>
      </c>
      <c r="B28" s="423">
        <v>43032000</v>
      </c>
      <c r="C28" s="423">
        <v>43032000</v>
      </c>
      <c r="D28" s="423">
        <v>864287.09</v>
      </c>
      <c r="E28" s="423">
        <v>31661149.940000001</v>
      </c>
      <c r="F28" s="423">
        <v>0.35146053132793142</v>
      </c>
      <c r="G28" s="423">
        <v>11370850.059999999</v>
      </c>
      <c r="H28" s="423">
        <v>8166243.6600000001</v>
      </c>
      <c r="I28" s="423">
        <v>15833062.91</v>
      </c>
      <c r="J28" s="423">
        <v>0.40809547744582386</v>
      </c>
      <c r="K28" s="423">
        <v>27198937.09</v>
      </c>
      <c r="L28" s="424">
        <v>0</v>
      </c>
    </row>
    <row r="29" spans="1:12" s="264" customFormat="1" ht="10.5" x14ac:dyDescent="0.2">
      <c r="A29" s="445" t="s">
        <v>648</v>
      </c>
      <c r="B29" s="423">
        <v>345660</v>
      </c>
      <c r="C29" s="423">
        <v>430660</v>
      </c>
      <c r="D29" s="423">
        <v>32041.16</v>
      </c>
      <c r="E29" s="423">
        <v>228203.82</v>
      </c>
      <c r="F29" s="423">
        <v>2.5332192917899943E-3</v>
      </c>
      <c r="G29" s="423">
        <v>202456.18</v>
      </c>
      <c r="H29" s="423">
        <v>31312.9</v>
      </c>
      <c r="I29" s="423">
        <v>31312.9</v>
      </c>
      <c r="J29" s="423">
        <v>8.0708659773229795E-4</v>
      </c>
      <c r="K29" s="423">
        <v>399347.1</v>
      </c>
      <c r="L29" s="424">
        <v>0</v>
      </c>
    </row>
    <row r="30" spans="1:12" s="264" customFormat="1" ht="10.5" x14ac:dyDescent="0.2">
      <c r="A30" s="445" t="s">
        <v>652</v>
      </c>
      <c r="B30" s="423">
        <v>21167340</v>
      </c>
      <c r="C30" s="423">
        <v>22667340</v>
      </c>
      <c r="D30" s="423">
        <v>2372486.9500000002</v>
      </c>
      <c r="E30" s="423">
        <v>14908295.42</v>
      </c>
      <c r="F30" s="423">
        <v>0.16549232859313401</v>
      </c>
      <c r="G30" s="423">
        <v>7759044.5800000001</v>
      </c>
      <c r="H30" s="423">
        <v>2353131.9500000002</v>
      </c>
      <c r="I30" s="423">
        <v>4191879.95</v>
      </c>
      <c r="J30" s="423">
        <v>0.10804525058195616</v>
      </c>
      <c r="K30" s="423">
        <v>18475460.050000001</v>
      </c>
      <c r="L30" s="424">
        <v>0</v>
      </c>
    </row>
    <row r="31" spans="1:12" s="264" customFormat="1" ht="10.5" x14ac:dyDescent="0.2">
      <c r="A31" s="445" t="s">
        <v>684</v>
      </c>
      <c r="B31" s="423">
        <v>118036900</v>
      </c>
      <c r="C31" s="423">
        <v>118037000</v>
      </c>
      <c r="D31" s="423">
        <v>17564669.699999999</v>
      </c>
      <c r="E31" s="423">
        <v>36664925.259999998</v>
      </c>
      <c r="F31" s="423">
        <v>0.40700587746809086</v>
      </c>
      <c r="G31" s="423">
        <v>81372074.74000001</v>
      </c>
      <c r="H31" s="423">
        <v>17517419.920000002</v>
      </c>
      <c r="I31" s="423">
        <v>36411502.740000002</v>
      </c>
      <c r="J31" s="423">
        <v>0.93850252977995785</v>
      </c>
      <c r="K31" s="423">
        <v>81625497.25999999</v>
      </c>
      <c r="L31" s="424">
        <v>0</v>
      </c>
    </row>
    <row r="32" spans="1:12" s="264" customFormat="1" ht="10.5" x14ac:dyDescent="0.2">
      <c r="A32" s="445"/>
      <c r="B32" s="423"/>
      <c r="C32" s="423"/>
      <c r="D32" s="423"/>
      <c r="E32" s="423"/>
      <c r="F32" s="423"/>
      <c r="G32" s="423"/>
      <c r="H32" s="423"/>
      <c r="I32" s="423"/>
      <c r="J32" s="423"/>
      <c r="K32" s="423"/>
      <c r="L32" s="424"/>
    </row>
    <row r="33" spans="1:12" s="66" customFormat="1" ht="10.5" x14ac:dyDescent="0.2">
      <c r="A33" s="142" t="s">
        <v>646</v>
      </c>
      <c r="B33" s="421">
        <v>703389900</v>
      </c>
      <c r="C33" s="421">
        <v>759864780.06999993</v>
      </c>
      <c r="D33" s="421">
        <v>389969993.64000005</v>
      </c>
      <c r="E33" s="421">
        <v>577684074.15999997</v>
      </c>
      <c r="F33" s="421">
        <v>6.4126903801257722</v>
      </c>
      <c r="G33" s="421">
        <v>182180705.91</v>
      </c>
      <c r="H33" s="421">
        <v>107524625.02000001</v>
      </c>
      <c r="I33" s="421">
        <v>244144355.97999999</v>
      </c>
      <c r="J33" s="421">
        <v>6.2927942676481958</v>
      </c>
      <c r="K33" s="421">
        <v>515720424.08999997</v>
      </c>
      <c r="L33" s="422">
        <v>0</v>
      </c>
    </row>
    <row r="34" spans="1:12" s="264" customFormat="1" ht="10.5" x14ac:dyDescent="0.2">
      <c r="A34" s="445" t="s">
        <v>647</v>
      </c>
      <c r="B34" s="423">
        <v>0</v>
      </c>
      <c r="C34" s="423">
        <v>0</v>
      </c>
      <c r="D34" s="423">
        <v>0</v>
      </c>
      <c r="E34" s="423">
        <v>0</v>
      </c>
      <c r="F34" s="423">
        <v>0</v>
      </c>
      <c r="G34" s="423">
        <v>0</v>
      </c>
      <c r="H34" s="423">
        <v>0</v>
      </c>
      <c r="I34" s="423">
        <v>0</v>
      </c>
      <c r="J34" s="423">
        <v>0</v>
      </c>
      <c r="K34" s="423">
        <v>0</v>
      </c>
      <c r="L34" s="424">
        <v>0</v>
      </c>
    </row>
    <row r="35" spans="1:12" s="264" customFormat="1" ht="10.5" x14ac:dyDescent="0.2">
      <c r="A35" s="445" t="s">
        <v>648</v>
      </c>
      <c r="B35" s="423">
        <v>262769900</v>
      </c>
      <c r="C35" s="423">
        <v>259080522.06999999</v>
      </c>
      <c r="D35" s="423">
        <v>70657731.670000002</v>
      </c>
      <c r="E35" s="423">
        <v>133021753.2</v>
      </c>
      <c r="F35" s="423">
        <v>1.476632912779319</v>
      </c>
      <c r="G35" s="423">
        <v>126058768.86999999</v>
      </c>
      <c r="H35" s="423">
        <v>29325766.510000002</v>
      </c>
      <c r="I35" s="423">
        <v>56987525.170000002</v>
      </c>
      <c r="J35" s="423">
        <v>1.4688472738915588</v>
      </c>
      <c r="K35" s="423">
        <v>202092996.89999998</v>
      </c>
      <c r="L35" s="424">
        <v>0</v>
      </c>
    </row>
    <row r="36" spans="1:12" s="264" customFormat="1" ht="10.5" x14ac:dyDescent="0.2">
      <c r="A36" s="445" t="s">
        <v>649</v>
      </c>
      <c r="B36" s="423">
        <v>433564000</v>
      </c>
      <c r="C36" s="423">
        <v>493728258</v>
      </c>
      <c r="D36" s="423">
        <v>319299471.97000003</v>
      </c>
      <c r="E36" s="423">
        <v>444633061.29000002</v>
      </c>
      <c r="F36" s="423">
        <v>4.9357326648934743</v>
      </c>
      <c r="G36" s="423">
        <v>49095196.709999979</v>
      </c>
      <c r="H36" s="423">
        <v>78190868.510000005</v>
      </c>
      <c r="I36" s="423">
        <v>187132780.13999999</v>
      </c>
      <c r="J36" s="423">
        <v>4.8233270903486645</v>
      </c>
      <c r="K36" s="423">
        <v>306595477.86000001</v>
      </c>
      <c r="L36" s="424">
        <v>0</v>
      </c>
    </row>
    <row r="37" spans="1:12" s="264" customFormat="1" ht="10.5" x14ac:dyDescent="0.2">
      <c r="A37" s="445" t="s">
        <v>650</v>
      </c>
      <c r="B37" s="423">
        <v>7000000</v>
      </c>
      <c r="C37" s="423">
        <v>7000000</v>
      </c>
      <c r="D37" s="423">
        <v>0</v>
      </c>
      <c r="E37" s="423">
        <v>0</v>
      </c>
      <c r="F37" s="423">
        <v>0</v>
      </c>
      <c r="G37" s="423">
        <v>7000000</v>
      </c>
      <c r="H37" s="423">
        <v>0</v>
      </c>
      <c r="I37" s="423">
        <v>0</v>
      </c>
      <c r="J37" s="423">
        <v>0</v>
      </c>
      <c r="K37" s="423">
        <v>7000000</v>
      </c>
      <c r="L37" s="424">
        <v>0</v>
      </c>
    </row>
    <row r="38" spans="1:12" s="264" customFormat="1" ht="10.5" x14ac:dyDescent="0.2">
      <c r="A38" s="445" t="s">
        <v>651</v>
      </c>
      <c r="B38" s="423">
        <v>0</v>
      </c>
      <c r="C38" s="423">
        <v>0</v>
      </c>
      <c r="D38" s="423">
        <v>0</v>
      </c>
      <c r="E38" s="423">
        <v>0</v>
      </c>
      <c r="F38" s="423">
        <v>0</v>
      </c>
      <c r="G38" s="423">
        <v>0</v>
      </c>
      <c r="H38" s="423">
        <v>0</v>
      </c>
      <c r="I38" s="423">
        <v>0</v>
      </c>
      <c r="J38" s="423">
        <v>0</v>
      </c>
      <c r="K38" s="423">
        <v>0</v>
      </c>
      <c r="L38" s="424">
        <v>0</v>
      </c>
    </row>
    <row r="39" spans="1:12" s="264" customFormat="1" ht="10.5" x14ac:dyDescent="0.2">
      <c r="A39" s="445" t="s">
        <v>744</v>
      </c>
      <c r="B39" s="423">
        <v>56000</v>
      </c>
      <c r="C39" s="423">
        <v>56000</v>
      </c>
      <c r="D39" s="423">
        <v>12790</v>
      </c>
      <c r="E39" s="423">
        <v>29259.67</v>
      </c>
      <c r="F39" s="423">
        <v>3.2480245298001115E-4</v>
      </c>
      <c r="G39" s="423">
        <v>26740.33</v>
      </c>
      <c r="H39" s="423">
        <v>7990</v>
      </c>
      <c r="I39" s="423">
        <v>24050.67</v>
      </c>
      <c r="J39" s="423">
        <v>6.1990340797186602E-4</v>
      </c>
      <c r="K39" s="423">
        <v>31949.33</v>
      </c>
      <c r="L39" s="424">
        <v>0</v>
      </c>
    </row>
    <row r="40" spans="1:12" ht="10.5" x14ac:dyDescent="0.2">
      <c r="A40" s="445"/>
      <c r="B40" s="423"/>
      <c r="C40" s="421"/>
      <c r="D40" s="421"/>
      <c r="E40" s="421"/>
      <c r="F40" s="421"/>
      <c r="G40" s="421"/>
      <c r="H40" s="421"/>
      <c r="I40" s="421"/>
      <c r="J40" s="421"/>
      <c r="K40" s="421"/>
      <c r="L40" s="422"/>
    </row>
    <row r="41" spans="1:12" s="66" customFormat="1" ht="10.5" x14ac:dyDescent="0.2">
      <c r="A41" s="142" t="s">
        <v>655</v>
      </c>
      <c r="B41" s="421">
        <v>1283211700</v>
      </c>
      <c r="C41" s="421">
        <v>1546814943.3299999</v>
      </c>
      <c r="D41" s="421">
        <v>884107288.20999992</v>
      </c>
      <c r="E41" s="421">
        <v>1261385795.2099998</v>
      </c>
      <c r="F41" s="421">
        <v>14.002249527706564</v>
      </c>
      <c r="G41" s="421">
        <v>285429148.12</v>
      </c>
      <c r="H41" s="421">
        <v>177567294.84</v>
      </c>
      <c r="I41" s="421">
        <v>412960302.86000001</v>
      </c>
      <c r="J41" s="421">
        <v>10.644006969452741</v>
      </c>
      <c r="K41" s="421">
        <v>1133854640.4699998</v>
      </c>
      <c r="L41" s="422">
        <v>0</v>
      </c>
    </row>
    <row r="42" spans="1:12" s="264" customFormat="1" ht="10.5" x14ac:dyDescent="0.2">
      <c r="A42" s="445" t="s">
        <v>656</v>
      </c>
      <c r="B42" s="423">
        <v>1281051700</v>
      </c>
      <c r="C42" s="423">
        <v>1544654943.3299999</v>
      </c>
      <c r="D42" s="423">
        <v>883509105.78999996</v>
      </c>
      <c r="E42" s="423">
        <v>1260733926.6099999</v>
      </c>
      <c r="F42" s="423">
        <v>13.995013338087864</v>
      </c>
      <c r="G42" s="423">
        <v>283921016.72000003</v>
      </c>
      <c r="H42" s="423">
        <v>177519815.86000001</v>
      </c>
      <c r="I42" s="423">
        <v>412912823.88</v>
      </c>
      <c r="J42" s="423">
        <v>10.642783203898224</v>
      </c>
      <c r="K42" s="423">
        <v>1131742119.4499998</v>
      </c>
      <c r="L42" s="424">
        <v>0</v>
      </c>
    </row>
    <row r="43" spans="1:12" s="264" customFormat="1" ht="10.5" x14ac:dyDescent="0.2">
      <c r="A43" s="445" t="s">
        <v>657</v>
      </c>
      <c r="B43" s="423">
        <v>2160000</v>
      </c>
      <c r="C43" s="423">
        <v>2160000</v>
      </c>
      <c r="D43" s="423">
        <v>598182.42000000004</v>
      </c>
      <c r="E43" s="423">
        <v>651868.6</v>
      </c>
      <c r="F43" s="423">
        <v>7.2361896187019782E-3</v>
      </c>
      <c r="G43" s="423">
        <v>1508131.4</v>
      </c>
      <c r="H43" s="423">
        <v>47478.98</v>
      </c>
      <c r="I43" s="423">
        <v>47478.98</v>
      </c>
      <c r="J43" s="423">
        <v>1.2237655545158646E-3</v>
      </c>
      <c r="K43" s="423">
        <v>2112521.02</v>
      </c>
      <c r="L43" s="424">
        <v>0</v>
      </c>
    </row>
    <row r="44" spans="1:12" s="264" customFormat="1" ht="10.5" x14ac:dyDescent="0.2">
      <c r="A44" s="445" t="s">
        <v>683</v>
      </c>
      <c r="B44" s="423">
        <v>0</v>
      </c>
      <c r="C44" s="423">
        <v>0</v>
      </c>
      <c r="D44" s="423">
        <v>0</v>
      </c>
      <c r="E44" s="423">
        <v>0</v>
      </c>
      <c r="F44" s="423">
        <v>0</v>
      </c>
      <c r="G44" s="423">
        <v>0</v>
      </c>
      <c r="H44" s="423">
        <v>0</v>
      </c>
      <c r="I44" s="423">
        <v>0</v>
      </c>
      <c r="J44" s="423">
        <v>0</v>
      </c>
      <c r="K44" s="423">
        <v>0</v>
      </c>
      <c r="L44" s="424">
        <v>0</v>
      </c>
    </row>
    <row r="45" spans="1:12" ht="10.5" x14ac:dyDescent="0.2">
      <c r="A45" s="445"/>
      <c r="B45" s="423"/>
      <c r="C45" s="421"/>
      <c r="D45" s="421"/>
      <c r="E45" s="421"/>
      <c r="F45" s="421"/>
      <c r="G45" s="421"/>
      <c r="H45" s="421"/>
      <c r="I45" s="421"/>
      <c r="J45" s="421"/>
      <c r="K45" s="421"/>
      <c r="L45" s="422"/>
    </row>
    <row r="46" spans="1:12" s="66" customFormat="1" ht="10.5" x14ac:dyDescent="0.2">
      <c r="A46" s="142" t="s">
        <v>658</v>
      </c>
      <c r="B46" s="421">
        <v>200530900</v>
      </c>
      <c r="C46" s="421">
        <v>200000000</v>
      </c>
      <c r="D46" s="421">
        <v>23329051.890000001</v>
      </c>
      <c r="E46" s="421">
        <v>68870267.340000004</v>
      </c>
      <c r="F46" s="421">
        <v>0.76450731568131658</v>
      </c>
      <c r="G46" s="421">
        <v>131129732.66</v>
      </c>
      <c r="H46" s="421">
        <v>28408354.68</v>
      </c>
      <c r="I46" s="421">
        <v>51671723.100000001</v>
      </c>
      <c r="J46" s="421">
        <v>1.3318330526953552</v>
      </c>
      <c r="K46" s="421">
        <v>148328276.90000001</v>
      </c>
      <c r="L46" s="422">
        <v>0</v>
      </c>
    </row>
    <row r="47" spans="1:12" s="264" customFormat="1" ht="10.5" x14ac:dyDescent="0.2">
      <c r="A47" s="445" t="s">
        <v>745</v>
      </c>
      <c r="B47" s="423">
        <v>310000</v>
      </c>
      <c r="C47" s="423">
        <v>310000</v>
      </c>
      <c r="D47" s="423">
        <v>5396.68</v>
      </c>
      <c r="E47" s="423">
        <v>5816.68</v>
      </c>
      <c r="F47" s="423">
        <v>6.4569146958929182E-5</v>
      </c>
      <c r="G47" s="423">
        <v>304183.32</v>
      </c>
      <c r="H47" s="423">
        <v>2604.9699999999998</v>
      </c>
      <c r="I47" s="423">
        <v>3022.03</v>
      </c>
      <c r="J47" s="423">
        <v>7.7892495136028172E-5</v>
      </c>
      <c r="K47" s="423">
        <v>306977.96999999997</v>
      </c>
      <c r="L47" s="424">
        <v>0</v>
      </c>
    </row>
    <row r="48" spans="1:12" s="264" customFormat="1" ht="10.5" x14ac:dyDescent="0.2">
      <c r="A48" s="445" t="s">
        <v>659</v>
      </c>
      <c r="B48" s="423">
        <v>200093600</v>
      </c>
      <c r="C48" s="423">
        <v>199562700</v>
      </c>
      <c r="D48" s="423">
        <v>23323655.210000001</v>
      </c>
      <c r="E48" s="423">
        <v>68864450.659999996</v>
      </c>
      <c r="F48" s="423">
        <v>0.76444274653435762</v>
      </c>
      <c r="G48" s="423">
        <v>130698249.34</v>
      </c>
      <c r="H48" s="423">
        <v>28405749.710000001</v>
      </c>
      <c r="I48" s="423">
        <v>51668701.07</v>
      </c>
      <c r="J48" s="423">
        <v>1.3317551602002191</v>
      </c>
      <c r="K48" s="423">
        <v>147893998.93000001</v>
      </c>
      <c r="L48" s="424">
        <v>0</v>
      </c>
    </row>
    <row r="49" spans="1:12" s="264" customFormat="1" ht="10.5" x14ac:dyDescent="0.2">
      <c r="A49" s="445" t="s">
        <v>685</v>
      </c>
      <c r="B49" s="423">
        <v>0</v>
      </c>
      <c r="C49" s="423">
        <v>0</v>
      </c>
      <c r="D49" s="423">
        <v>0</v>
      </c>
      <c r="E49" s="423">
        <v>0</v>
      </c>
      <c r="F49" s="423">
        <v>0</v>
      </c>
      <c r="G49" s="423">
        <v>0</v>
      </c>
      <c r="H49" s="423">
        <v>0</v>
      </c>
      <c r="I49" s="423">
        <v>0</v>
      </c>
      <c r="J49" s="423">
        <v>0</v>
      </c>
      <c r="K49" s="423">
        <v>0</v>
      </c>
      <c r="L49" s="424">
        <v>0</v>
      </c>
    </row>
    <row r="50" spans="1:12" s="264" customFormat="1" ht="10.5" x14ac:dyDescent="0.2">
      <c r="A50" s="445" t="s">
        <v>684</v>
      </c>
      <c r="B50" s="423">
        <v>127300</v>
      </c>
      <c r="C50" s="423">
        <v>127300</v>
      </c>
      <c r="D50" s="423">
        <v>0</v>
      </c>
      <c r="E50" s="423">
        <v>0</v>
      </c>
      <c r="F50" s="423">
        <v>0</v>
      </c>
      <c r="G50" s="423">
        <v>127300</v>
      </c>
      <c r="H50" s="423">
        <v>0</v>
      </c>
      <c r="I50" s="423">
        <v>0</v>
      </c>
      <c r="J50" s="423">
        <v>0</v>
      </c>
      <c r="K50" s="423">
        <v>127300</v>
      </c>
      <c r="L50" s="424">
        <v>0</v>
      </c>
    </row>
    <row r="51" spans="1:12" s="264" customFormat="1" ht="10.5" x14ac:dyDescent="0.2">
      <c r="A51" s="445"/>
      <c r="B51" s="423"/>
      <c r="C51" s="423"/>
      <c r="D51" s="423"/>
      <c r="E51" s="423"/>
      <c r="F51" s="423"/>
      <c r="G51" s="423"/>
      <c r="H51" s="423"/>
      <c r="I51" s="423"/>
      <c r="J51" s="423"/>
      <c r="K51" s="423"/>
      <c r="L51" s="424"/>
    </row>
    <row r="52" spans="1:12" s="66" customFormat="1" ht="10.5" x14ac:dyDescent="0.2">
      <c r="A52" s="142" t="s">
        <v>660</v>
      </c>
      <c r="B52" s="421">
        <v>1483051000</v>
      </c>
      <c r="C52" s="421">
        <v>1483041000</v>
      </c>
      <c r="D52" s="421">
        <v>13213711.449999999</v>
      </c>
      <c r="E52" s="421">
        <v>1395431683.49</v>
      </c>
      <c r="F52" s="421">
        <v>15.490251043965245</v>
      </c>
      <c r="G52" s="421">
        <v>87609316.50999999</v>
      </c>
      <c r="H52" s="421">
        <v>498183401.64999998</v>
      </c>
      <c r="I52" s="421">
        <v>838667987.28999996</v>
      </c>
      <c r="J52" s="421">
        <v>21.616576314837658</v>
      </c>
      <c r="K52" s="421">
        <v>644373012.71000004</v>
      </c>
      <c r="L52" s="422">
        <v>0</v>
      </c>
    </row>
    <row r="53" spans="1:12" s="264" customFormat="1" ht="10.5" x14ac:dyDescent="0.2">
      <c r="A53" s="445" t="s">
        <v>661</v>
      </c>
      <c r="B53" s="423">
        <v>1483051000</v>
      </c>
      <c r="C53" s="423">
        <v>1483041000</v>
      </c>
      <c r="D53" s="423">
        <v>13213711.449999999</v>
      </c>
      <c r="E53" s="423">
        <v>1395431683.49</v>
      </c>
      <c r="F53" s="423">
        <v>15.490251043965245</v>
      </c>
      <c r="G53" s="423">
        <v>87609316.50999999</v>
      </c>
      <c r="H53" s="423">
        <v>498183401.64999998</v>
      </c>
      <c r="I53" s="423">
        <v>838667987.28999996</v>
      </c>
      <c r="J53" s="423">
        <v>21.616576314837658</v>
      </c>
      <c r="K53" s="423">
        <v>644373012.71000004</v>
      </c>
      <c r="L53" s="424">
        <v>0</v>
      </c>
    </row>
    <row r="54" spans="1:12" ht="10.5" x14ac:dyDescent="0.2">
      <c r="A54" s="445"/>
      <c r="B54" s="423"/>
      <c r="C54" s="421"/>
      <c r="D54" s="421"/>
      <c r="E54" s="421"/>
      <c r="F54" s="421"/>
      <c r="G54" s="421"/>
      <c r="H54" s="421"/>
      <c r="I54" s="421"/>
      <c r="J54" s="421"/>
      <c r="K54" s="421"/>
      <c r="L54" s="422"/>
    </row>
    <row r="55" spans="1:12" s="66" customFormat="1" ht="10.5" x14ac:dyDescent="0.2">
      <c r="A55" s="142" t="s">
        <v>662</v>
      </c>
      <c r="B55" s="421">
        <v>1217401500</v>
      </c>
      <c r="C55" s="421">
        <v>1250287299.1599998</v>
      </c>
      <c r="D55" s="421">
        <v>265463163.08000001</v>
      </c>
      <c r="E55" s="421">
        <v>634890542.66000009</v>
      </c>
      <c r="F55" s="421">
        <v>7.047721509838575</v>
      </c>
      <c r="G55" s="421">
        <v>615396756.49999988</v>
      </c>
      <c r="H55" s="421">
        <v>150789330.74000004</v>
      </c>
      <c r="I55" s="421">
        <v>232729056.70000002</v>
      </c>
      <c r="J55" s="421">
        <v>5.9985661681112283</v>
      </c>
      <c r="K55" s="421">
        <v>1017558242.4599999</v>
      </c>
      <c r="L55" s="422">
        <v>0</v>
      </c>
    </row>
    <row r="56" spans="1:12" ht="10.5" x14ac:dyDescent="0.2">
      <c r="A56" s="22" t="s">
        <v>648</v>
      </c>
      <c r="B56" s="423">
        <v>237336100</v>
      </c>
      <c r="C56" s="423">
        <v>276544900</v>
      </c>
      <c r="D56" s="423">
        <v>96354280.739999995</v>
      </c>
      <c r="E56" s="423">
        <v>163939536.46000001</v>
      </c>
      <c r="F56" s="423">
        <v>1.8198415628957532</v>
      </c>
      <c r="G56" s="423">
        <v>112605363.53999999</v>
      </c>
      <c r="H56" s="423">
        <v>41473550.259999998</v>
      </c>
      <c r="I56" s="423">
        <v>69961535.359999999</v>
      </c>
      <c r="J56" s="423">
        <v>1.8032509778982544</v>
      </c>
      <c r="K56" s="423">
        <v>206583364.63999999</v>
      </c>
      <c r="L56" s="422">
        <v>0</v>
      </c>
    </row>
    <row r="57" spans="1:12" ht="10.5" x14ac:dyDescent="0.2">
      <c r="A57" s="22" t="s">
        <v>746</v>
      </c>
      <c r="B57" s="423">
        <v>2176500</v>
      </c>
      <c r="C57" s="423">
        <v>2176500</v>
      </c>
      <c r="D57" s="423">
        <v>29778</v>
      </c>
      <c r="E57" s="423">
        <v>114607.99</v>
      </c>
      <c r="F57" s="423">
        <v>1.2722274818242514E-3</v>
      </c>
      <c r="G57" s="423">
        <v>2061892.01</v>
      </c>
      <c r="H57" s="423">
        <v>12819.52</v>
      </c>
      <c r="I57" s="423">
        <v>83469.02</v>
      </c>
      <c r="J57" s="423">
        <v>2.1514049279322302E-3</v>
      </c>
      <c r="K57" s="423">
        <v>2093030.98</v>
      </c>
      <c r="L57" s="422">
        <v>0</v>
      </c>
    </row>
    <row r="58" spans="1:12" ht="10.5" x14ac:dyDescent="0.2">
      <c r="A58" s="22" t="s">
        <v>652</v>
      </c>
      <c r="B58" s="423">
        <v>6921900</v>
      </c>
      <c r="C58" s="423">
        <v>7646900</v>
      </c>
      <c r="D58" s="423">
        <v>142557.07</v>
      </c>
      <c r="E58" s="423">
        <v>1611343.14</v>
      </c>
      <c r="F58" s="423">
        <v>1.7887016650034452E-2</v>
      </c>
      <c r="G58" s="423">
        <v>6035556.8600000003</v>
      </c>
      <c r="H58" s="423">
        <v>326880.34999999998</v>
      </c>
      <c r="I58" s="423">
        <v>357411.35</v>
      </c>
      <c r="J58" s="423">
        <v>9.2122387406598401E-3</v>
      </c>
      <c r="K58" s="423">
        <v>7289488.6500000004</v>
      </c>
      <c r="L58" s="422">
        <v>0</v>
      </c>
    </row>
    <row r="59" spans="1:12" ht="10.5" x14ac:dyDescent="0.2">
      <c r="A59" s="445" t="s">
        <v>664</v>
      </c>
      <c r="B59" s="423">
        <v>54532000</v>
      </c>
      <c r="C59" s="423">
        <v>54532000</v>
      </c>
      <c r="D59" s="423">
        <v>150821.35999999999</v>
      </c>
      <c r="E59" s="423">
        <v>42825936.719999999</v>
      </c>
      <c r="F59" s="423">
        <v>0.47539734036039138</v>
      </c>
      <c r="G59" s="423">
        <v>11706063.280000001</v>
      </c>
      <c r="H59" s="423">
        <v>5939162.5199999996</v>
      </c>
      <c r="I59" s="423">
        <v>8782759.5500000007</v>
      </c>
      <c r="J59" s="423">
        <v>0.2263746738216629</v>
      </c>
      <c r="K59" s="423">
        <v>45749240.450000003</v>
      </c>
      <c r="L59" s="422">
        <v>0</v>
      </c>
    </row>
    <row r="60" spans="1:12" ht="10.5" x14ac:dyDescent="0.2">
      <c r="A60" s="445" t="s">
        <v>665</v>
      </c>
      <c r="B60" s="423">
        <v>763416800</v>
      </c>
      <c r="C60" s="423">
        <v>765521799.15999997</v>
      </c>
      <c r="D60" s="423">
        <v>154547068.12</v>
      </c>
      <c r="E60" s="423">
        <v>383902694.56999999</v>
      </c>
      <c r="F60" s="423">
        <v>4.2615838422638399</v>
      </c>
      <c r="G60" s="423">
        <v>381619104.58999997</v>
      </c>
      <c r="H60" s="423">
        <v>90028368.450000003</v>
      </c>
      <c r="I60" s="423">
        <v>131711137.75</v>
      </c>
      <c r="J60" s="423">
        <v>3.3948402750974047</v>
      </c>
      <c r="K60" s="423">
        <v>633810661.40999997</v>
      </c>
      <c r="L60" s="422">
        <v>0</v>
      </c>
    </row>
    <row r="61" spans="1:12" ht="10.5" x14ac:dyDescent="0.2">
      <c r="A61" s="445" t="s">
        <v>666</v>
      </c>
      <c r="B61" s="423">
        <v>100247000</v>
      </c>
      <c r="C61" s="423">
        <v>90360400</v>
      </c>
      <c r="D61" s="423">
        <v>10097406.77</v>
      </c>
      <c r="E61" s="423">
        <v>24759473.48</v>
      </c>
      <c r="F61" s="423">
        <v>0.27484717772953465</v>
      </c>
      <c r="G61" s="423">
        <v>65600926.519999996</v>
      </c>
      <c r="H61" s="423">
        <v>8269872.46</v>
      </c>
      <c r="I61" s="423">
        <v>10995369.17</v>
      </c>
      <c r="J61" s="423">
        <v>0.28340444654522257</v>
      </c>
      <c r="K61" s="423">
        <v>79365030.829999998</v>
      </c>
      <c r="L61" s="422">
        <v>0</v>
      </c>
    </row>
    <row r="62" spans="1:12" ht="10.5" x14ac:dyDescent="0.2">
      <c r="A62" s="445" t="s">
        <v>667</v>
      </c>
      <c r="B62" s="423">
        <v>975100</v>
      </c>
      <c r="C62" s="423">
        <v>1565100</v>
      </c>
      <c r="D62" s="423">
        <v>545580</v>
      </c>
      <c r="E62" s="423">
        <v>609708.14</v>
      </c>
      <c r="F62" s="423">
        <v>6.7681795274478519E-3</v>
      </c>
      <c r="G62" s="423">
        <v>955391.86</v>
      </c>
      <c r="H62" s="423">
        <v>31311.47</v>
      </c>
      <c r="I62" s="423">
        <v>49124.56</v>
      </c>
      <c r="J62" s="423">
        <v>1.2661802003486144E-3</v>
      </c>
      <c r="K62" s="423">
        <v>1515975.44</v>
      </c>
      <c r="L62" s="422">
        <v>0</v>
      </c>
    </row>
    <row r="63" spans="1:12" ht="10.5" x14ac:dyDescent="0.2">
      <c r="A63" s="445" t="s">
        <v>668</v>
      </c>
      <c r="B63" s="423">
        <v>14751600</v>
      </c>
      <c r="C63" s="423">
        <v>15251600</v>
      </c>
      <c r="D63" s="423">
        <v>816915.61</v>
      </c>
      <c r="E63" s="423">
        <v>4933014.72</v>
      </c>
      <c r="F63" s="423">
        <v>5.4759854832351254E-2</v>
      </c>
      <c r="G63" s="423">
        <v>10318585.280000001</v>
      </c>
      <c r="H63" s="423">
        <v>655048.82999999996</v>
      </c>
      <c r="I63" s="423">
        <v>2181754.61</v>
      </c>
      <c r="J63" s="423">
        <v>5.6234488190862436E-2</v>
      </c>
      <c r="K63" s="423">
        <v>13069845.390000001</v>
      </c>
      <c r="L63" s="422">
        <v>0</v>
      </c>
    </row>
    <row r="64" spans="1:12" ht="10.5" x14ac:dyDescent="0.2">
      <c r="A64" s="445" t="s">
        <v>669</v>
      </c>
      <c r="B64" s="423">
        <v>19989000</v>
      </c>
      <c r="C64" s="423">
        <v>20050000</v>
      </c>
      <c r="D64" s="423">
        <v>1769211.42</v>
      </c>
      <c r="E64" s="423">
        <v>6905696.8799999999</v>
      </c>
      <c r="F64" s="423">
        <v>7.6657983024429527E-2</v>
      </c>
      <c r="G64" s="423">
        <v>13144303.120000001</v>
      </c>
      <c r="H64" s="423">
        <v>3436155.24</v>
      </c>
      <c r="I64" s="423">
        <v>6847742.04</v>
      </c>
      <c r="J64" s="423">
        <v>0.17649980759405948</v>
      </c>
      <c r="K64" s="423">
        <v>13202257.960000001</v>
      </c>
      <c r="L64" s="422">
        <v>0</v>
      </c>
    </row>
    <row r="65" spans="1:12" ht="10.5" x14ac:dyDescent="0.2">
      <c r="A65" s="445" t="s">
        <v>670</v>
      </c>
      <c r="B65" s="423">
        <v>1337600</v>
      </c>
      <c r="C65" s="423">
        <v>1337600</v>
      </c>
      <c r="D65" s="423">
        <v>667973.5</v>
      </c>
      <c r="E65" s="423">
        <v>811630.97</v>
      </c>
      <c r="F65" s="423">
        <v>9.009661762095944E-3</v>
      </c>
      <c r="G65" s="423">
        <v>525969.03</v>
      </c>
      <c r="H65" s="423">
        <v>6055.23</v>
      </c>
      <c r="I65" s="423">
        <v>6327.55</v>
      </c>
      <c r="J65" s="423">
        <v>1.6309191424240493E-4</v>
      </c>
      <c r="K65" s="423">
        <v>1331272.45</v>
      </c>
      <c r="L65" s="422">
        <v>0</v>
      </c>
    </row>
    <row r="66" spans="1:12" ht="10.5" x14ac:dyDescent="0.2">
      <c r="A66" s="445" t="s">
        <v>674</v>
      </c>
      <c r="B66" s="423">
        <v>0</v>
      </c>
      <c r="C66" s="423">
        <v>0</v>
      </c>
      <c r="D66" s="423">
        <v>0</v>
      </c>
      <c r="E66" s="423">
        <v>0</v>
      </c>
      <c r="F66" s="423">
        <v>0</v>
      </c>
      <c r="G66" s="423">
        <v>0</v>
      </c>
      <c r="H66" s="423">
        <v>0</v>
      </c>
      <c r="I66" s="423">
        <v>0</v>
      </c>
      <c r="J66" s="423">
        <v>0</v>
      </c>
      <c r="K66" s="423">
        <v>0</v>
      </c>
      <c r="L66" s="422">
        <v>0</v>
      </c>
    </row>
    <row r="67" spans="1:12" ht="10.5" x14ac:dyDescent="0.2">
      <c r="A67" s="445" t="s">
        <v>726</v>
      </c>
      <c r="B67" s="423">
        <v>3191000</v>
      </c>
      <c r="C67" s="423">
        <v>3191000</v>
      </c>
      <c r="D67" s="423">
        <v>0</v>
      </c>
      <c r="E67" s="423">
        <v>3191000</v>
      </c>
      <c r="F67" s="423">
        <v>3.5422293807798093E-2</v>
      </c>
      <c r="G67" s="423">
        <v>0</v>
      </c>
      <c r="H67" s="423">
        <v>401048.44</v>
      </c>
      <c r="I67" s="423">
        <v>808668.21</v>
      </c>
      <c r="J67" s="423">
        <v>2.0843335312384588E-2</v>
      </c>
      <c r="K67" s="423">
        <v>2382331.79</v>
      </c>
      <c r="L67" s="424">
        <v>0</v>
      </c>
    </row>
    <row r="68" spans="1:12" s="264" customFormat="1" ht="11.25" customHeight="1" x14ac:dyDescent="0.2">
      <c r="A68" s="445" t="s">
        <v>684</v>
      </c>
      <c r="B68" s="423">
        <v>1137100</v>
      </c>
      <c r="C68" s="423">
        <v>1137100</v>
      </c>
      <c r="D68" s="423">
        <v>14140</v>
      </c>
      <c r="E68" s="423">
        <v>101000</v>
      </c>
      <c r="F68" s="423">
        <v>1.1211694373511776E-3</v>
      </c>
      <c r="G68" s="423">
        <v>1036100</v>
      </c>
      <c r="H68" s="423">
        <v>27578.74</v>
      </c>
      <c r="I68" s="423">
        <v>30733.58</v>
      </c>
      <c r="J68" s="423">
        <v>7.9215468763140417E-4</v>
      </c>
      <c r="K68" s="423">
        <v>1106366.42</v>
      </c>
      <c r="L68" s="424">
        <v>0</v>
      </c>
    </row>
    <row r="69" spans="1:12" s="264" customFormat="1" ht="11.25" customHeight="1" x14ac:dyDescent="0.2">
      <c r="A69" s="445" t="s">
        <v>874</v>
      </c>
      <c r="B69" s="423">
        <v>6595000</v>
      </c>
      <c r="C69" s="423">
        <v>6595000</v>
      </c>
      <c r="D69" s="423">
        <v>165895.72</v>
      </c>
      <c r="E69" s="423">
        <v>882310.82</v>
      </c>
      <c r="F69" s="423">
        <v>9.7942566893886741E-3</v>
      </c>
      <c r="G69" s="423">
        <v>5712689.1799999997</v>
      </c>
      <c r="H69" s="423">
        <v>141535.64000000001</v>
      </c>
      <c r="I69" s="423">
        <v>857950.74</v>
      </c>
      <c r="J69" s="423">
        <v>2.2113587172331764E-2</v>
      </c>
      <c r="K69" s="423">
        <v>5737049.2599999998</v>
      </c>
      <c r="L69" s="424">
        <v>0</v>
      </c>
    </row>
    <row r="70" spans="1:12" s="264" customFormat="1" ht="10.5" x14ac:dyDescent="0.2">
      <c r="A70" s="445" t="s">
        <v>875</v>
      </c>
      <c r="B70" s="423">
        <v>4027800</v>
      </c>
      <c r="C70" s="423">
        <v>3610400</v>
      </c>
      <c r="D70" s="423">
        <v>140700</v>
      </c>
      <c r="E70" s="423">
        <v>241355.42</v>
      </c>
      <c r="F70" s="423">
        <v>2.6792110934956152E-3</v>
      </c>
      <c r="G70" s="423">
        <v>3369044.58</v>
      </c>
      <c r="H70" s="423">
        <v>31136.799999999999</v>
      </c>
      <c r="I70" s="423">
        <v>45195.94</v>
      </c>
      <c r="J70" s="423">
        <v>1.1649204463947151E-3</v>
      </c>
      <c r="K70" s="423">
        <v>3565204.06</v>
      </c>
      <c r="L70" s="424">
        <v>0</v>
      </c>
    </row>
    <row r="71" spans="1:12" s="264" customFormat="1" ht="10.5" x14ac:dyDescent="0.2">
      <c r="A71" s="445" t="s">
        <v>647</v>
      </c>
      <c r="B71" s="423">
        <v>624500</v>
      </c>
      <c r="C71" s="423">
        <v>624500</v>
      </c>
      <c r="D71" s="423">
        <v>3902.77</v>
      </c>
      <c r="E71" s="423">
        <v>44301.35</v>
      </c>
      <c r="F71" s="423">
        <v>4.9177544211284738E-4</v>
      </c>
      <c r="G71" s="423">
        <v>580198.65</v>
      </c>
      <c r="H71" s="423">
        <v>8806.7900000000009</v>
      </c>
      <c r="I71" s="423">
        <v>9877.27</v>
      </c>
      <c r="J71" s="423">
        <v>2.5458556183500391E-4</v>
      </c>
      <c r="K71" s="423">
        <v>614622.73</v>
      </c>
      <c r="L71" s="424">
        <v>0</v>
      </c>
    </row>
    <row r="72" spans="1:12" s="264" customFormat="1" ht="10.5" x14ac:dyDescent="0.2">
      <c r="A72" s="445" t="s">
        <v>876</v>
      </c>
      <c r="B72" s="423">
        <v>142500</v>
      </c>
      <c r="C72" s="423">
        <v>142500</v>
      </c>
      <c r="D72" s="423">
        <v>16932</v>
      </c>
      <c r="E72" s="423">
        <v>16932</v>
      </c>
      <c r="F72" s="423">
        <v>1.8795684072505088E-4</v>
      </c>
      <c r="G72" s="423">
        <v>125568</v>
      </c>
      <c r="H72" s="423">
        <v>0</v>
      </c>
      <c r="I72" s="423">
        <v>0</v>
      </c>
      <c r="J72" s="423">
        <v>0</v>
      </c>
      <c r="K72" s="423">
        <v>142500</v>
      </c>
      <c r="L72" s="424">
        <v>0</v>
      </c>
    </row>
    <row r="73" spans="1:12" s="264" customFormat="1" ht="10.5" x14ac:dyDescent="0.2">
      <c r="A73" s="445"/>
      <c r="B73" s="423"/>
      <c r="C73" s="421"/>
      <c r="D73" s="421"/>
      <c r="E73" s="421"/>
      <c r="F73" s="421"/>
      <c r="G73" s="421"/>
      <c r="H73" s="421"/>
      <c r="I73" s="421"/>
      <c r="J73" s="421"/>
      <c r="K73" s="421"/>
      <c r="L73" s="422"/>
    </row>
    <row r="74" spans="1:12" s="66" customFormat="1" ht="10.5" x14ac:dyDescent="0.2">
      <c r="A74" s="142" t="s">
        <v>663</v>
      </c>
      <c r="B74" s="421">
        <v>24178700</v>
      </c>
      <c r="C74" s="421">
        <v>24901500</v>
      </c>
      <c r="D74" s="421">
        <v>5116378.37</v>
      </c>
      <c r="E74" s="421">
        <v>6545049.6799999997</v>
      </c>
      <c r="F74" s="421">
        <v>7.2654551160010933E-2</v>
      </c>
      <c r="G74" s="421">
        <v>18356450.32</v>
      </c>
      <c r="H74" s="421">
        <v>1273528.17</v>
      </c>
      <c r="I74" s="421">
        <v>2468807.85</v>
      </c>
      <c r="J74" s="421">
        <v>6.3633254285335727E-2</v>
      </c>
      <c r="K74" s="421">
        <v>22432692.149999999</v>
      </c>
      <c r="L74" s="422">
        <v>0</v>
      </c>
    </row>
    <row r="75" spans="1:12" s="264" customFormat="1" ht="10.5" x14ac:dyDescent="0.2">
      <c r="A75" s="445" t="s">
        <v>648</v>
      </c>
      <c r="B75" s="423">
        <v>7125000</v>
      </c>
      <c r="C75" s="423">
        <v>7144000</v>
      </c>
      <c r="D75" s="423">
        <v>4187691.61</v>
      </c>
      <c r="E75" s="423">
        <v>5246808.5199999996</v>
      </c>
      <c r="F75" s="423">
        <v>5.8243181745126382E-2</v>
      </c>
      <c r="G75" s="423">
        <v>1897191.4800000004</v>
      </c>
      <c r="H75" s="423">
        <v>1014030.38</v>
      </c>
      <c r="I75" s="423">
        <v>2063193.93</v>
      </c>
      <c r="J75" s="423">
        <v>5.3178599536473109E-2</v>
      </c>
      <c r="K75" s="423">
        <v>5080806.07</v>
      </c>
      <c r="L75" s="424">
        <v>0</v>
      </c>
    </row>
    <row r="76" spans="1:12" s="264" customFormat="1" ht="10.5" x14ac:dyDescent="0.2">
      <c r="A76" s="445" t="s">
        <v>671</v>
      </c>
      <c r="B76" s="423">
        <v>17053700</v>
      </c>
      <c r="C76" s="423">
        <v>17757500</v>
      </c>
      <c r="D76" s="423">
        <v>928686.76</v>
      </c>
      <c r="E76" s="423">
        <v>1298241.1599999999</v>
      </c>
      <c r="F76" s="423">
        <v>1.4411369414884554E-2</v>
      </c>
      <c r="G76" s="423">
        <v>16459258.84</v>
      </c>
      <c r="H76" s="423">
        <v>259497.79</v>
      </c>
      <c r="I76" s="423">
        <v>405613.92</v>
      </c>
      <c r="J76" s="423">
        <v>1.0454654748862624E-2</v>
      </c>
      <c r="K76" s="423">
        <v>17351886.079999998</v>
      </c>
      <c r="L76" s="424">
        <v>0</v>
      </c>
    </row>
    <row r="77" spans="1:12" ht="10.5" x14ac:dyDescent="0.2">
      <c r="A77" s="445"/>
      <c r="B77" s="423"/>
      <c r="C77" s="421"/>
      <c r="D77" s="421"/>
      <c r="E77" s="421"/>
      <c r="F77" s="421"/>
      <c r="G77" s="421"/>
      <c r="H77" s="421"/>
      <c r="I77" s="421"/>
      <c r="J77" s="421"/>
      <c r="K77" s="421"/>
      <c r="L77" s="422"/>
    </row>
    <row r="78" spans="1:12" s="66" customFormat="1" ht="10.5" x14ac:dyDescent="0.2">
      <c r="A78" s="142" t="s">
        <v>679</v>
      </c>
      <c r="B78" s="421">
        <v>1380321800</v>
      </c>
      <c r="C78" s="421">
        <v>1603759832.5899999</v>
      </c>
      <c r="D78" s="421">
        <v>747035740.06999993</v>
      </c>
      <c r="E78" s="421">
        <v>1223754864.1700001</v>
      </c>
      <c r="F78" s="421">
        <v>13.584520321952928</v>
      </c>
      <c r="G78" s="421">
        <v>380004968.41999996</v>
      </c>
      <c r="H78" s="421">
        <v>287241474.92999995</v>
      </c>
      <c r="I78" s="421">
        <v>521702658.98000002</v>
      </c>
      <c r="J78" s="421">
        <v>13.446829391850052</v>
      </c>
      <c r="K78" s="421">
        <v>1082057173.6099997</v>
      </c>
      <c r="L78" s="422">
        <v>0</v>
      </c>
    </row>
    <row r="79" spans="1:12" s="264" customFormat="1" ht="10.5" x14ac:dyDescent="0.2">
      <c r="A79" s="22" t="s">
        <v>648</v>
      </c>
      <c r="B79" s="423">
        <v>1085044900</v>
      </c>
      <c r="C79" s="423">
        <v>1329739513.5899999</v>
      </c>
      <c r="D79" s="423">
        <v>699778708.23000002</v>
      </c>
      <c r="E79" s="423">
        <v>1109974685.24</v>
      </c>
      <c r="F79" s="423">
        <v>12.321482112124567</v>
      </c>
      <c r="G79" s="423">
        <v>219764828.3499999</v>
      </c>
      <c r="H79" s="423">
        <v>255775458.97</v>
      </c>
      <c r="I79" s="423">
        <v>459720589.62</v>
      </c>
      <c r="J79" s="423">
        <v>11.849248283739026</v>
      </c>
      <c r="K79" s="423">
        <v>870018923.96999991</v>
      </c>
      <c r="L79" s="424">
        <v>0</v>
      </c>
    </row>
    <row r="80" spans="1:12" s="264" customFormat="1" ht="10.5" x14ac:dyDescent="0.2">
      <c r="A80" s="445" t="s">
        <v>672</v>
      </c>
      <c r="B80" s="423">
        <v>10066700</v>
      </c>
      <c r="C80" s="423">
        <v>16303795</v>
      </c>
      <c r="D80" s="423">
        <v>376237.06</v>
      </c>
      <c r="E80" s="423">
        <v>12677359.5</v>
      </c>
      <c r="F80" s="423">
        <v>0.14072740611597628</v>
      </c>
      <c r="G80" s="423">
        <v>3626435.5</v>
      </c>
      <c r="H80" s="423">
        <v>5186351.0999999996</v>
      </c>
      <c r="I80" s="423">
        <v>11212771.359999999</v>
      </c>
      <c r="J80" s="423">
        <v>0.28900796438824095</v>
      </c>
      <c r="K80" s="423">
        <v>5091023.6400000006</v>
      </c>
      <c r="L80" s="424">
        <v>0</v>
      </c>
    </row>
    <row r="81" spans="1:12" s="264" customFormat="1" ht="10.5" x14ac:dyDescent="0.2">
      <c r="A81" s="445" t="s">
        <v>673</v>
      </c>
      <c r="B81" s="423">
        <v>5402500</v>
      </c>
      <c r="C81" s="423">
        <v>15964518</v>
      </c>
      <c r="D81" s="423">
        <v>0</v>
      </c>
      <c r="E81" s="423">
        <v>14407869.169999998</v>
      </c>
      <c r="F81" s="423">
        <v>0.1599372531758245</v>
      </c>
      <c r="G81" s="423">
        <v>1556648.8300000019</v>
      </c>
      <c r="H81" s="423">
        <v>1703283.2</v>
      </c>
      <c r="I81" s="423">
        <v>13154153.74</v>
      </c>
      <c r="J81" s="423">
        <v>0.3390468844490348</v>
      </c>
      <c r="K81" s="423">
        <v>2810364.26</v>
      </c>
      <c r="L81" s="424">
        <v>0</v>
      </c>
    </row>
    <row r="82" spans="1:12" s="264" customFormat="1" ht="10.5" x14ac:dyDescent="0.2">
      <c r="A82" s="445" t="s">
        <v>674</v>
      </c>
      <c r="B82" s="423">
        <v>13770800</v>
      </c>
      <c r="C82" s="423">
        <v>16565539</v>
      </c>
      <c r="D82" s="423">
        <v>417138.4</v>
      </c>
      <c r="E82" s="423">
        <v>9571181.6600000001</v>
      </c>
      <c r="F82" s="423">
        <v>0.10624669659928822</v>
      </c>
      <c r="G82" s="423">
        <v>6994357.3399999999</v>
      </c>
      <c r="H82" s="423">
        <v>1952536.72</v>
      </c>
      <c r="I82" s="423">
        <v>2369235.0499999998</v>
      </c>
      <c r="J82" s="423">
        <v>6.1066776176355766E-2</v>
      </c>
      <c r="K82" s="423">
        <v>14196303.949999999</v>
      </c>
      <c r="L82" s="424">
        <v>0</v>
      </c>
    </row>
    <row r="83" spans="1:12" s="264" customFormat="1" ht="10.5" x14ac:dyDescent="0.2">
      <c r="A83" s="445" t="s">
        <v>675</v>
      </c>
      <c r="B83" s="423">
        <v>44663400</v>
      </c>
      <c r="C83" s="423">
        <v>44347800</v>
      </c>
      <c r="D83" s="423">
        <v>9664070.7200000007</v>
      </c>
      <c r="E83" s="423">
        <v>13475975.039999999</v>
      </c>
      <c r="F83" s="423">
        <v>0.14959258765698327</v>
      </c>
      <c r="G83" s="423">
        <v>30871824.960000001</v>
      </c>
      <c r="H83" s="423">
        <v>2684681.84</v>
      </c>
      <c r="I83" s="423">
        <v>4573132.96</v>
      </c>
      <c r="J83" s="423">
        <v>0.11787200552053091</v>
      </c>
      <c r="K83" s="423">
        <v>39774667.039999999</v>
      </c>
      <c r="L83" s="424">
        <v>0</v>
      </c>
    </row>
    <row r="84" spans="1:12" s="264" customFormat="1" ht="10.5" x14ac:dyDescent="0.2">
      <c r="A84" s="445" t="s">
        <v>676</v>
      </c>
      <c r="B84" s="423">
        <v>177600</v>
      </c>
      <c r="C84" s="423">
        <v>0</v>
      </c>
      <c r="D84" s="423">
        <v>0</v>
      </c>
      <c r="E84" s="423">
        <v>0</v>
      </c>
      <c r="F84" s="423">
        <v>0</v>
      </c>
      <c r="G84" s="423">
        <v>0</v>
      </c>
      <c r="H84" s="423">
        <v>0</v>
      </c>
      <c r="I84" s="423">
        <v>0</v>
      </c>
      <c r="J84" s="423">
        <v>0</v>
      </c>
      <c r="K84" s="423">
        <v>0</v>
      </c>
      <c r="L84" s="424">
        <v>0</v>
      </c>
    </row>
    <row r="85" spans="1:12" s="264" customFormat="1" ht="10.5" x14ac:dyDescent="0.2">
      <c r="A85" s="445" t="s">
        <v>677</v>
      </c>
      <c r="B85" s="423">
        <v>4171000</v>
      </c>
      <c r="C85" s="423">
        <v>5745700</v>
      </c>
      <c r="D85" s="423">
        <v>625031.09</v>
      </c>
      <c r="E85" s="423">
        <v>1312295.3500000001</v>
      </c>
      <c r="F85" s="423">
        <v>1.4567380586119472E-2</v>
      </c>
      <c r="G85" s="423">
        <v>4433404.6500000004</v>
      </c>
      <c r="H85" s="423">
        <v>721479.87</v>
      </c>
      <c r="I85" s="423">
        <v>1132767.8600000001</v>
      </c>
      <c r="J85" s="423">
        <v>2.9196968602329905E-2</v>
      </c>
      <c r="K85" s="423">
        <v>4612932.1399999997</v>
      </c>
      <c r="L85" s="424">
        <v>0</v>
      </c>
    </row>
    <row r="86" spans="1:12" s="264" customFormat="1" ht="10.5" x14ac:dyDescent="0.2">
      <c r="A86" s="445" t="s">
        <v>678</v>
      </c>
      <c r="B86" s="423">
        <v>19362700</v>
      </c>
      <c r="C86" s="423">
        <v>12877875</v>
      </c>
      <c r="D86" s="423">
        <v>3663671.59</v>
      </c>
      <c r="E86" s="423">
        <v>4007525.75</v>
      </c>
      <c r="F86" s="423">
        <v>4.4486290993048079E-2</v>
      </c>
      <c r="G86" s="423">
        <v>8870349.25</v>
      </c>
      <c r="H86" s="423">
        <v>661798.84</v>
      </c>
      <c r="I86" s="423">
        <v>661798.84</v>
      </c>
      <c r="J86" s="423">
        <v>1.7057793246833774E-2</v>
      </c>
      <c r="K86" s="423">
        <v>12216076.16</v>
      </c>
      <c r="L86" s="424">
        <v>0</v>
      </c>
    </row>
    <row r="87" spans="1:12" s="264" customFormat="1" ht="10.5" x14ac:dyDescent="0.2">
      <c r="A87" s="445" t="s">
        <v>747</v>
      </c>
      <c r="B87" s="423">
        <v>192709500</v>
      </c>
      <c r="C87" s="423">
        <v>156383292</v>
      </c>
      <c r="D87" s="423">
        <v>31961586.800000001</v>
      </c>
      <c r="E87" s="423">
        <v>57024428.939999998</v>
      </c>
      <c r="F87" s="423">
        <v>0.63301036544487133</v>
      </c>
      <c r="G87" s="423">
        <v>99358863.060000002</v>
      </c>
      <c r="H87" s="423">
        <v>18087740.280000001</v>
      </c>
      <c r="I87" s="423">
        <v>27836649.719999999</v>
      </c>
      <c r="J87" s="423">
        <v>0.71748662419579534</v>
      </c>
      <c r="K87" s="423">
        <v>128546642.28</v>
      </c>
      <c r="L87" s="424">
        <v>0</v>
      </c>
    </row>
    <row r="88" spans="1:12" s="264" customFormat="1" ht="10.5" x14ac:dyDescent="0.2">
      <c r="A88" s="445" t="s">
        <v>700</v>
      </c>
      <c r="B88" s="423">
        <v>4702700</v>
      </c>
      <c r="C88" s="423">
        <v>5018300</v>
      </c>
      <c r="D88" s="423">
        <v>549296.18000000005</v>
      </c>
      <c r="E88" s="423">
        <v>1283543.52</v>
      </c>
      <c r="F88" s="423">
        <v>1.4248215506278712E-2</v>
      </c>
      <c r="G88" s="423">
        <v>3734756.48</v>
      </c>
      <c r="H88" s="423">
        <v>466217.36</v>
      </c>
      <c r="I88" s="423">
        <v>1037931.42</v>
      </c>
      <c r="J88" s="423">
        <v>2.6752569658104259E-2</v>
      </c>
      <c r="K88" s="423">
        <v>3980368.58</v>
      </c>
      <c r="L88" s="424">
        <v>0</v>
      </c>
    </row>
    <row r="89" spans="1:12" s="264" customFormat="1" ht="10.5" x14ac:dyDescent="0.2">
      <c r="A89" s="445" t="s">
        <v>702</v>
      </c>
      <c r="B89" s="423">
        <v>0</v>
      </c>
      <c r="C89" s="423">
        <v>0</v>
      </c>
      <c r="D89" s="423">
        <v>0</v>
      </c>
      <c r="E89" s="423">
        <v>0</v>
      </c>
      <c r="F89" s="423">
        <v>0</v>
      </c>
      <c r="G89" s="423">
        <v>0</v>
      </c>
      <c r="H89" s="423">
        <v>0</v>
      </c>
      <c r="I89" s="423">
        <v>0</v>
      </c>
      <c r="J89" s="423">
        <v>0</v>
      </c>
      <c r="K89" s="423">
        <v>0</v>
      </c>
      <c r="L89" s="424">
        <v>0</v>
      </c>
    </row>
    <row r="90" spans="1:12" s="264" customFormat="1" ht="10.5" x14ac:dyDescent="0.2">
      <c r="A90" s="445" t="s">
        <v>726</v>
      </c>
      <c r="B90" s="423">
        <v>0</v>
      </c>
      <c r="C90" s="423">
        <v>0</v>
      </c>
      <c r="D90" s="423">
        <v>0</v>
      </c>
      <c r="E90" s="423">
        <v>0</v>
      </c>
      <c r="F90" s="423">
        <v>0</v>
      </c>
      <c r="G90" s="423">
        <v>0</v>
      </c>
      <c r="H90" s="423">
        <v>0</v>
      </c>
      <c r="I90" s="423">
        <v>0</v>
      </c>
      <c r="J90" s="423">
        <v>0</v>
      </c>
      <c r="K90" s="423">
        <v>0</v>
      </c>
      <c r="L90" s="424">
        <v>0</v>
      </c>
    </row>
    <row r="91" spans="1:12" s="264" customFormat="1" ht="10.5" x14ac:dyDescent="0.2">
      <c r="A91" s="445" t="s">
        <v>684</v>
      </c>
      <c r="B91" s="423">
        <v>250000</v>
      </c>
      <c r="C91" s="423">
        <v>813500</v>
      </c>
      <c r="D91" s="423">
        <v>0</v>
      </c>
      <c r="E91" s="423">
        <v>20000</v>
      </c>
      <c r="F91" s="423">
        <v>2.2201374997053022E-4</v>
      </c>
      <c r="G91" s="423">
        <v>793500</v>
      </c>
      <c r="H91" s="423">
        <v>1926.75</v>
      </c>
      <c r="I91" s="423">
        <v>3628.41</v>
      </c>
      <c r="J91" s="423">
        <v>9.3521873798908651E-5</v>
      </c>
      <c r="K91" s="423">
        <v>809871.59</v>
      </c>
      <c r="L91" s="424">
        <v>0</v>
      </c>
    </row>
    <row r="92" spans="1:12" ht="10.5" x14ac:dyDescent="0.2">
      <c r="A92" s="445"/>
      <c r="B92" s="423"/>
      <c r="C92" s="421"/>
      <c r="D92" s="421"/>
      <c r="E92" s="421"/>
      <c r="F92" s="421"/>
      <c r="G92" s="421"/>
      <c r="H92" s="421"/>
      <c r="I92" s="421"/>
      <c r="J92" s="421"/>
      <c r="K92" s="421"/>
      <c r="L92" s="422"/>
    </row>
    <row r="93" spans="1:12" s="66" customFormat="1" ht="10.5" x14ac:dyDescent="0.2">
      <c r="A93" s="142" t="s">
        <v>680</v>
      </c>
      <c r="B93" s="421">
        <v>53433000</v>
      </c>
      <c r="C93" s="421">
        <v>57300400</v>
      </c>
      <c r="D93" s="421">
        <v>2433742.5099999998</v>
      </c>
      <c r="E93" s="421">
        <v>9322243.3900000006</v>
      </c>
      <c r="F93" s="421">
        <v>0.1034833106575944</v>
      </c>
      <c r="G93" s="421">
        <v>47978156.609999999</v>
      </c>
      <c r="H93" s="421">
        <v>2804325.31</v>
      </c>
      <c r="I93" s="421">
        <v>5207604.3099999996</v>
      </c>
      <c r="J93" s="421">
        <v>0.13422543567967038</v>
      </c>
      <c r="K93" s="421">
        <v>52092795.689999998</v>
      </c>
      <c r="L93" s="422">
        <v>0</v>
      </c>
    </row>
    <row r="94" spans="1:12" ht="10.5" x14ac:dyDescent="0.2">
      <c r="A94" s="445" t="s">
        <v>681</v>
      </c>
      <c r="B94" s="423">
        <v>53293000</v>
      </c>
      <c r="C94" s="423">
        <v>57160400</v>
      </c>
      <c r="D94" s="423">
        <v>2433742.5099999998</v>
      </c>
      <c r="E94" s="423">
        <v>9322243.3900000006</v>
      </c>
      <c r="F94" s="423">
        <v>0.1034833106575944</v>
      </c>
      <c r="G94" s="423">
        <v>47838156.609999999</v>
      </c>
      <c r="H94" s="423">
        <v>2804325.31</v>
      </c>
      <c r="I94" s="423">
        <v>5207604.3099999996</v>
      </c>
      <c r="J94" s="423">
        <v>0.13422543567967038</v>
      </c>
      <c r="K94" s="423">
        <v>51952795.689999998</v>
      </c>
      <c r="L94" s="422">
        <v>0</v>
      </c>
    </row>
    <row r="95" spans="1:12" s="264" customFormat="1" ht="10.5" x14ac:dyDescent="0.2">
      <c r="A95" s="445" t="s">
        <v>713</v>
      </c>
      <c r="B95" s="423">
        <v>140000</v>
      </c>
      <c r="C95" s="423">
        <v>140000</v>
      </c>
      <c r="D95" s="423">
        <v>0</v>
      </c>
      <c r="E95" s="423">
        <v>0</v>
      </c>
      <c r="F95" s="423">
        <v>0</v>
      </c>
      <c r="G95" s="423">
        <v>140000</v>
      </c>
      <c r="H95" s="423"/>
      <c r="I95" s="423"/>
      <c r="J95" s="423">
        <v>0</v>
      </c>
      <c r="K95" s="423">
        <v>140000</v>
      </c>
      <c r="L95" s="422">
        <v>0</v>
      </c>
    </row>
    <row r="96" spans="1:12" ht="10.5" x14ac:dyDescent="0.2">
      <c r="A96" s="445"/>
      <c r="B96" s="423"/>
      <c r="C96" s="421"/>
      <c r="D96" s="421"/>
      <c r="E96" s="421"/>
      <c r="F96" s="421"/>
      <c r="G96" s="421"/>
      <c r="H96" s="421"/>
      <c r="I96" s="421"/>
      <c r="J96" s="421"/>
      <c r="K96" s="421"/>
      <c r="L96" s="422"/>
    </row>
    <row r="97" spans="1:12" s="66" customFormat="1" ht="10.5" x14ac:dyDescent="0.2">
      <c r="A97" s="142" t="s">
        <v>682</v>
      </c>
      <c r="B97" s="421">
        <v>176717300</v>
      </c>
      <c r="C97" s="421">
        <v>173595625</v>
      </c>
      <c r="D97" s="421">
        <v>51385045.079999991</v>
      </c>
      <c r="E97" s="421">
        <v>102715064.08</v>
      </c>
      <c r="F97" s="421">
        <v>1.1402078277432055</v>
      </c>
      <c r="G97" s="421">
        <v>70880560.920000002</v>
      </c>
      <c r="H97" s="421">
        <v>37289968.780000001</v>
      </c>
      <c r="I97" s="421">
        <v>81600506.560000002</v>
      </c>
      <c r="J97" s="421">
        <v>2.1032441968882618</v>
      </c>
      <c r="K97" s="421">
        <v>91995118.439999998</v>
      </c>
      <c r="L97" s="422">
        <v>0</v>
      </c>
    </row>
    <row r="98" spans="1:12" ht="10.5" x14ac:dyDescent="0.2">
      <c r="A98" s="445" t="s">
        <v>653</v>
      </c>
      <c r="B98" s="423">
        <v>9738100</v>
      </c>
      <c r="C98" s="423">
        <v>9720100</v>
      </c>
      <c r="D98" s="423">
        <v>692005.8</v>
      </c>
      <c r="E98" s="423">
        <v>7026462.6299999999</v>
      </c>
      <c r="F98" s="423">
        <v>7.7998565875704709E-2</v>
      </c>
      <c r="G98" s="423">
        <v>2693637.37</v>
      </c>
      <c r="H98" s="423">
        <v>1331336.8600000001</v>
      </c>
      <c r="I98" s="423">
        <v>2636849.66</v>
      </c>
      <c r="J98" s="423">
        <v>6.7964513693109435E-2</v>
      </c>
      <c r="K98" s="423">
        <v>7083250.3399999999</v>
      </c>
      <c r="L98" s="422">
        <v>0</v>
      </c>
    </row>
    <row r="99" spans="1:12" ht="10.5" x14ac:dyDescent="0.2">
      <c r="A99" s="445" t="s">
        <v>683</v>
      </c>
      <c r="B99" s="423">
        <v>163544000</v>
      </c>
      <c r="C99" s="423">
        <v>159652025</v>
      </c>
      <c r="D99" s="423">
        <v>50298072.619999997</v>
      </c>
      <c r="E99" s="423">
        <v>95051483.700000003</v>
      </c>
      <c r="F99" s="423">
        <v>1.0551368168249864</v>
      </c>
      <c r="G99" s="423">
        <v>64600541.299999997</v>
      </c>
      <c r="H99" s="423">
        <v>35735296.969999999</v>
      </c>
      <c r="I99" s="423">
        <v>78691944.400000006</v>
      </c>
      <c r="J99" s="423">
        <v>2.0282763230085732</v>
      </c>
      <c r="K99" s="423">
        <v>80960080.599999994</v>
      </c>
      <c r="L99" s="422">
        <v>0</v>
      </c>
    </row>
    <row r="100" spans="1:12" ht="10.5" x14ac:dyDescent="0.2">
      <c r="A100" s="445" t="s">
        <v>684</v>
      </c>
      <c r="B100" s="423">
        <v>3225200</v>
      </c>
      <c r="C100" s="423">
        <v>4013500.0000000009</v>
      </c>
      <c r="D100" s="423">
        <v>394966.66</v>
      </c>
      <c r="E100" s="423">
        <v>637117.75</v>
      </c>
      <c r="F100" s="423">
        <v>7.0724450425143385E-3</v>
      </c>
      <c r="G100" s="423">
        <v>3376382.2500000009</v>
      </c>
      <c r="H100" s="423">
        <v>223334.95</v>
      </c>
      <c r="I100" s="423">
        <v>271712.5</v>
      </c>
      <c r="J100" s="423">
        <v>7.0033601865792366E-3</v>
      </c>
      <c r="K100" s="423">
        <v>3741787.5000000009</v>
      </c>
      <c r="L100" s="422">
        <v>0</v>
      </c>
    </row>
    <row r="101" spans="1:12" s="264" customFormat="1" ht="10.5" x14ac:dyDescent="0.2">
      <c r="A101" s="445" t="s">
        <v>685</v>
      </c>
      <c r="B101" s="423">
        <v>210000</v>
      </c>
      <c r="C101" s="423">
        <v>210000</v>
      </c>
      <c r="D101" s="423">
        <v>0</v>
      </c>
      <c r="E101" s="423">
        <v>0</v>
      </c>
      <c r="F101" s="423">
        <v>0</v>
      </c>
      <c r="G101" s="423">
        <v>210000</v>
      </c>
      <c r="H101" s="423">
        <v>0</v>
      </c>
      <c r="I101" s="423">
        <v>0</v>
      </c>
      <c r="J101" s="501">
        <v>0</v>
      </c>
      <c r="K101" s="423">
        <v>210000</v>
      </c>
      <c r="L101" s="422">
        <v>0</v>
      </c>
    </row>
    <row r="102" spans="1:12" ht="10.5" x14ac:dyDescent="0.2">
      <c r="A102" s="445"/>
      <c r="B102" s="423"/>
      <c r="C102" s="423"/>
      <c r="D102" s="423"/>
      <c r="E102" s="423"/>
      <c r="F102" s="423"/>
      <c r="G102" s="423"/>
      <c r="H102" s="423"/>
      <c r="I102" s="423"/>
      <c r="J102" s="421"/>
      <c r="K102" s="421"/>
      <c r="L102" s="422"/>
    </row>
    <row r="103" spans="1:12" s="66" customFormat="1" ht="10.5" x14ac:dyDescent="0.2">
      <c r="A103" s="142" t="s">
        <v>686</v>
      </c>
      <c r="B103" s="421">
        <v>22559400</v>
      </c>
      <c r="C103" s="421">
        <v>17456400</v>
      </c>
      <c r="D103" s="421">
        <v>5232682.83</v>
      </c>
      <c r="E103" s="421">
        <v>5533725.1299999999</v>
      </c>
      <c r="F103" s="421">
        <v>6.1428153370872984E-2</v>
      </c>
      <c r="G103" s="421">
        <v>11922674.870000001</v>
      </c>
      <c r="H103" s="421">
        <v>1498025.47</v>
      </c>
      <c r="I103" s="421">
        <v>1498025.47</v>
      </c>
      <c r="J103" s="421">
        <v>3.8611443842589681E-2</v>
      </c>
      <c r="K103" s="421">
        <v>15958374.529999999</v>
      </c>
      <c r="L103" s="422">
        <v>0</v>
      </c>
    </row>
    <row r="104" spans="1:12" s="264" customFormat="1" ht="10.5" x14ac:dyDescent="0.2">
      <c r="A104" s="445" t="s">
        <v>687</v>
      </c>
      <c r="B104" s="423">
        <v>22559400</v>
      </c>
      <c r="C104" s="423">
        <v>17456400</v>
      </c>
      <c r="D104" s="423">
        <v>5232682.83</v>
      </c>
      <c r="E104" s="423">
        <v>5533725.1299999999</v>
      </c>
      <c r="F104" s="423">
        <v>6.1428153370872984E-2</v>
      </c>
      <c r="G104" s="423">
        <v>11922674.870000001</v>
      </c>
      <c r="H104" s="423">
        <v>1498025.47</v>
      </c>
      <c r="I104" s="423">
        <v>1498025.47</v>
      </c>
      <c r="J104" s="423">
        <v>3.8611443842589681E-2</v>
      </c>
      <c r="K104" s="423">
        <v>15958374.529999999</v>
      </c>
      <c r="L104" s="424">
        <v>0</v>
      </c>
    </row>
    <row r="105" spans="1:12" s="264" customFormat="1" ht="10.5" x14ac:dyDescent="0.2">
      <c r="A105" s="445" t="s">
        <v>688</v>
      </c>
      <c r="B105" s="423">
        <v>0</v>
      </c>
      <c r="C105" s="423">
        <v>0</v>
      </c>
      <c r="D105" s="423">
        <v>0</v>
      </c>
      <c r="E105" s="423">
        <v>0</v>
      </c>
      <c r="F105" s="423">
        <v>0</v>
      </c>
      <c r="G105" s="423">
        <v>0</v>
      </c>
      <c r="H105" s="423">
        <v>0</v>
      </c>
      <c r="I105" s="423">
        <v>0</v>
      </c>
      <c r="J105" s="423">
        <v>0</v>
      </c>
      <c r="K105" s="423">
        <v>0</v>
      </c>
      <c r="L105" s="424">
        <v>0</v>
      </c>
    </row>
    <row r="106" spans="1:12" ht="10.5" x14ac:dyDescent="0.2">
      <c r="A106" s="445"/>
      <c r="B106" s="423"/>
      <c r="C106" s="421"/>
      <c r="D106" s="421"/>
      <c r="E106" s="421"/>
      <c r="F106" s="421"/>
      <c r="G106" s="421"/>
      <c r="H106" s="421"/>
      <c r="I106" s="421"/>
      <c r="J106" s="421"/>
      <c r="K106" s="421"/>
      <c r="L106" s="422"/>
    </row>
    <row r="107" spans="1:12" s="66" customFormat="1" ht="10.5" x14ac:dyDescent="0.2">
      <c r="A107" s="171" t="s">
        <v>748</v>
      </c>
      <c r="B107" s="421">
        <v>135754500</v>
      </c>
      <c r="C107" s="421">
        <v>135714500</v>
      </c>
      <c r="D107" s="421">
        <v>595079.53</v>
      </c>
      <c r="E107" s="421">
        <v>17874769.41</v>
      </c>
      <c r="F107" s="421">
        <v>0.1984222293286311</v>
      </c>
      <c r="G107" s="421">
        <v>117839730.59</v>
      </c>
      <c r="H107" s="421">
        <v>2451116.48</v>
      </c>
      <c r="I107" s="421">
        <v>6150406.8200000003</v>
      </c>
      <c r="J107" s="421">
        <v>0.15852606801105365</v>
      </c>
      <c r="K107" s="421">
        <v>129564093.17999999</v>
      </c>
      <c r="L107" s="422">
        <v>0</v>
      </c>
    </row>
    <row r="108" spans="1:12" ht="10.5" x14ac:dyDescent="0.2">
      <c r="A108" s="445" t="s">
        <v>648</v>
      </c>
      <c r="B108" s="423">
        <v>11933500</v>
      </c>
      <c r="C108" s="423">
        <v>11783800</v>
      </c>
      <c r="D108" s="423">
        <v>240167.54</v>
      </c>
      <c r="E108" s="423">
        <v>9767385.7100000009</v>
      </c>
      <c r="F108" s="423">
        <v>0.10842469644428349</v>
      </c>
      <c r="G108" s="423">
        <v>2016414.2899999991</v>
      </c>
      <c r="H108" s="423">
        <v>1914027.94</v>
      </c>
      <c r="I108" s="423">
        <v>4147533.9</v>
      </c>
      <c r="J108" s="423">
        <v>0.10690223595803547</v>
      </c>
      <c r="K108" s="423">
        <v>7636266.0999999996</v>
      </c>
      <c r="L108" s="422">
        <v>0</v>
      </c>
    </row>
    <row r="109" spans="1:12" ht="10.5" x14ac:dyDescent="0.2">
      <c r="A109" s="445" t="s">
        <v>649</v>
      </c>
      <c r="B109" s="423">
        <v>1000</v>
      </c>
      <c r="C109" s="423">
        <v>1000</v>
      </c>
      <c r="D109" s="423">
        <v>0</v>
      </c>
      <c r="E109" s="423">
        <v>0</v>
      </c>
      <c r="F109" s="423">
        <v>0</v>
      </c>
      <c r="G109" s="423">
        <v>1000</v>
      </c>
      <c r="H109" s="423">
        <v>0</v>
      </c>
      <c r="I109" s="423">
        <v>0</v>
      </c>
      <c r="J109" s="423">
        <v>0</v>
      </c>
      <c r="K109" s="423">
        <v>1000</v>
      </c>
      <c r="L109" s="422">
        <v>0</v>
      </c>
    </row>
    <row r="110" spans="1:12" ht="10.5" x14ac:dyDescent="0.2">
      <c r="A110" s="445" t="s">
        <v>690</v>
      </c>
      <c r="B110" s="423">
        <v>123820000</v>
      </c>
      <c r="C110" s="423">
        <v>123929700</v>
      </c>
      <c r="D110" s="423">
        <v>354911.99</v>
      </c>
      <c r="E110" s="423">
        <v>8107383.7000000002</v>
      </c>
      <c r="F110" s="423">
        <v>8.99975328843476E-2</v>
      </c>
      <c r="G110" s="423">
        <v>115822316.3</v>
      </c>
      <c r="H110" s="423">
        <v>537088.54</v>
      </c>
      <c r="I110" s="423">
        <v>2002872.92</v>
      </c>
      <c r="J110" s="423">
        <v>5.1623832053018175E-2</v>
      </c>
      <c r="K110" s="423">
        <v>121926827.08</v>
      </c>
      <c r="L110" s="422">
        <v>0</v>
      </c>
    </row>
    <row r="111" spans="1:12" ht="10.5" x14ac:dyDescent="0.2">
      <c r="A111" s="445"/>
      <c r="B111" s="423"/>
      <c r="C111" s="423"/>
      <c r="D111" s="423"/>
      <c r="E111" s="423"/>
      <c r="F111" s="423"/>
      <c r="G111" s="423"/>
      <c r="H111" s="423"/>
      <c r="I111" s="423"/>
      <c r="J111" s="423"/>
      <c r="K111" s="423"/>
      <c r="L111" s="422"/>
    </row>
    <row r="112" spans="1:12" s="66" customFormat="1" ht="10.5" x14ac:dyDescent="0.2">
      <c r="A112" s="142" t="s">
        <v>691</v>
      </c>
      <c r="B112" s="421">
        <v>104391400</v>
      </c>
      <c r="C112" s="421">
        <v>115244400</v>
      </c>
      <c r="D112" s="421">
        <v>10590083.65</v>
      </c>
      <c r="E112" s="421">
        <v>53209302.899999999</v>
      </c>
      <c r="F112" s="421">
        <v>0.59065984350734035</v>
      </c>
      <c r="G112" s="421">
        <v>62035097.100000001</v>
      </c>
      <c r="H112" s="421">
        <v>2144783.5</v>
      </c>
      <c r="I112" s="421">
        <v>2512061.9300000002</v>
      </c>
      <c r="J112" s="421">
        <v>6.4748123501066013E-2</v>
      </c>
      <c r="K112" s="421">
        <v>112732338.06999999</v>
      </c>
      <c r="L112" s="422">
        <v>0</v>
      </c>
    </row>
    <row r="113" spans="1:12" ht="10.5" x14ac:dyDescent="0.2">
      <c r="A113" s="445" t="s">
        <v>692</v>
      </c>
      <c r="B113" s="423">
        <v>104391400</v>
      </c>
      <c r="C113" s="423">
        <v>115244400</v>
      </c>
      <c r="D113" s="423">
        <v>10590083.65</v>
      </c>
      <c r="E113" s="423">
        <v>53209302.899999999</v>
      </c>
      <c r="F113" s="423">
        <v>0.59065984350734035</v>
      </c>
      <c r="G113" s="423">
        <v>62035097.100000001</v>
      </c>
      <c r="H113" s="423">
        <v>2144783.5</v>
      </c>
      <c r="I113" s="423">
        <v>2512061.9300000002</v>
      </c>
      <c r="J113" s="423">
        <v>6.4748123501066013E-2</v>
      </c>
      <c r="K113" s="423">
        <v>112732338.06999999</v>
      </c>
      <c r="L113" s="422">
        <v>0</v>
      </c>
    </row>
    <row r="114" spans="1:12" ht="10.5" x14ac:dyDescent="0.2">
      <c r="A114" s="445"/>
      <c r="B114" s="423"/>
      <c r="C114" s="421"/>
      <c r="D114" s="421"/>
      <c r="E114" s="421"/>
      <c r="F114" s="421"/>
      <c r="G114" s="421"/>
      <c r="H114" s="421"/>
      <c r="I114" s="421"/>
      <c r="J114" s="423"/>
      <c r="K114" s="423"/>
      <c r="L114" s="422"/>
    </row>
    <row r="115" spans="1:12" s="66" customFormat="1" ht="10.5" x14ac:dyDescent="0.2">
      <c r="A115" s="142" t="s">
        <v>693</v>
      </c>
      <c r="B115" s="421">
        <v>98683000</v>
      </c>
      <c r="C115" s="421">
        <v>98993009.590000004</v>
      </c>
      <c r="D115" s="421">
        <v>8369712.6699999999</v>
      </c>
      <c r="E115" s="421">
        <v>14787776.450000001</v>
      </c>
      <c r="F115" s="421">
        <v>0.16415448516951975</v>
      </c>
      <c r="G115" s="421">
        <v>84205233.139999986</v>
      </c>
      <c r="H115" s="421">
        <v>5875848.0899999999</v>
      </c>
      <c r="I115" s="421">
        <v>10623816.880000003</v>
      </c>
      <c r="J115" s="421">
        <v>0.27382772661140159</v>
      </c>
      <c r="K115" s="421">
        <v>88369192.709999993</v>
      </c>
      <c r="L115" s="422">
        <v>0</v>
      </c>
    </row>
    <row r="116" spans="1:12" ht="10.5" x14ac:dyDescent="0.2">
      <c r="A116" s="445" t="s">
        <v>749</v>
      </c>
      <c r="B116" s="423">
        <v>36057800</v>
      </c>
      <c r="C116" s="423">
        <v>35217309.590000004</v>
      </c>
      <c r="D116" s="423">
        <v>5315244.0199999996</v>
      </c>
      <c r="E116" s="423">
        <v>10549196.82</v>
      </c>
      <c r="F116" s="423">
        <v>0.11710333725926962</v>
      </c>
      <c r="G116" s="423">
        <v>24668112.770000003</v>
      </c>
      <c r="H116" s="423">
        <v>4495590.93</v>
      </c>
      <c r="I116" s="423">
        <v>8707208.0700000003</v>
      </c>
      <c r="J116" s="423">
        <v>0.22442734262759145</v>
      </c>
      <c r="K116" s="423">
        <v>26510101.520000003</v>
      </c>
      <c r="L116" s="422">
        <v>0</v>
      </c>
    </row>
    <row r="117" spans="1:12" ht="10.5" x14ac:dyDescent="0.2">
      <c r="A117" s="445" t="s">
        <v>694</v>
      </c>
      <c r="B117" s="423">
        <v>42339400</v>
      </c>
      <c r="C117" s="423">
        <v>42492900</v>
      </c>
      <c r="D117" s="423">
        <v>709891.47</v>
      </c>
      <c r="E117" s="423">
        <v>1341110.27</v>
      </c>
      <c r="F117" s="423">
        <v>1.4887246008334513E-2</v>
      </c>
      <c r="G117" s="423">
        <v>41151789.729999997</v>
      </c>
      <c r="H117" s="423">
        <v>560094.22</v>
      </c>
      <c r="I117" s="423">
        <v>780219.71</v>
      </c>
      <c r="J117" s="423">
        <v>2.0110078313652843E-2</v>
      </c>
      <c r="K117" s="423">
        <v>41712680.289999999</v>
      </c>
      <c r="L117" s="422">
        <v>0</v>
      </c>
    </row>
    <row r="118" spans="1:12" ht="10.5" x14ac:dyDescent="0.2">
      <c r="A118" s="445" t="s">
        <v>695</v>
      </c>
      <c r="B118" s="423">
        <v>18840000</v>
      </c>
      <c r="C118" s="423">
        <v>19837000</v>
      </c>
      <c r="D118" s="423">
        <v>2216448.2799999998</v>
      </c>
      <c r="E118" s="423">
        <v>2672112.96</v>
      </c>
      <c r="F118" s="423">
        <v>2.9662290929722668E-2</v>
      </c>
      <c r="G118" s="423">
        <v>17164887.039999999</v>
      </c>
      <c r="H118" s="423">
        <v>679522.25</v>
      </c>
      <c r="I118" s="423">
        <v>951957.96</v>
      </c>
      <c r="J118" s="423">
        <v>2.4536613061089164E-2</v>
      </c>
      <c r="K118" s="423">
        <v>18885042.039999999</v>
      </c>
      <c r="L118" s="422">
        <v>0</v>
      </c>
    </row>
    <row r="119" spans="1:12" ht="10.5" x14ac:dyDescent="0.2">
      <c r="A119" s="445" t="s">
        <v>697</v>
      </c>
      <c r="B119" s="423">
        <v>945800</v>
      </c>
      <c r="C119" s="423">
        <v>945800</v>
      </c>
      <c r="D119" s="423">
        <v>128128.9</v>
      </c>
      <c r="E119" s="423">
        <v>225356.4</v>
      </c>
      <c r="F119" s="423">
        <v>2.5016109721929395E-3</v>
      </c>
      <c r="G119" s="423">
        <v>720443.6</v>
      </c>
      <c r="H119" s="423">
        <v>140640.69</v>
      </c>
      <c r="I119" s="423">
        <v>184431.14</v>
      </c>
      <c r="J119" s="423">
        <v>4.7536926090681201E-3</v>
      </c>
      <c r="K119" s="423">
        <v>761368.86</v>
      </c>
      <c r="L119" s="422">
        <v>0</v>
      </c>
    </row>
    <row r="120" spans="1:12" ht="10.5" x14ac:dyDescent="0.2">
      <c r="A120" s="445" t="s">
        <v>698</v>
      </c>
      <c r="B120" s="423">
        <v>500000</v>
      </c>
      <c r="C120" s="423">
        <v>500000</v>
      </c>
      <c r="D120" s="423">
        <v>0</v>
      </c>
      <c r="E120" s="423">
        <v>0</v>
      </c>
      <c r="F120" s="423">
        <v>0</v>
      </c>
      <c r="G120" s="423">
        <v>500000</v>
      </c>
      <c r="H120" s="423">
        <v>0</v>
      </c>
      <c r="I120" s="423">
        <v>0</v>
      </c>
      <c r="J120" s="423">
        <v>0</v>
      </c>
      <c r="K120" s="423">
        <v>500000</v>
      </c>
      <c r="L120" s="422">
        <v>0</v>
      </c>
    </row>
    <row r="121" spans="1:12" ht="10.5" x14ac:dyDescent="0.2">
      <c r="A121" s="445"/>
      <c r="B121" s="423"/>
      <c r="C121" s="421"/>
      <c r="D121" s="421"/>
      <c r="E121" s="421"/>
      <c r="F121" s="421"/>
      <c r="G121" s="421"/>
      <c r="H121" s="421"/>
      <c r="I121" s="421"/>
      <c r="J121" s="421"/>
      <c r="K121" s="421"/>
      <c r="L121" s="422"/>
    </row>
    <row r="122" spans="1:12" s="66" customFormat="1" ht="10.5" x14ac:dyDescent="0.2">
      <c r="A122" s="142" t="s">
        <v>699</v>
      </c>
      <c r="B122" s="421">
        <v>67656700</v>
      </c>
      <c r="C122" s="421">
        <v>66192700</v>
      </c>
      <c r="D122" s="421">
        <v>2211722.04</v>
      </c>
      <c r="E122" s="421">
        <v>2801965.13</v>
      </c>
      <c r="F122" s="421">
        <v>3.1103739289898208E-2</v>
      </c>
      <c r="G122" s="421">
        <v>63390734.869999997</v>
      </c>
      <c r="H122" s="421">
        <v>638789.6</v>
      </c>
      <c r="I122" s="421">
        <v>1229027.69</v>
      </c>
      <c r="J122" s="421">
        <v>3.1678055269262359E-2</v>
      </c>
      <c r="K122" s="421">
        <v>64963672.310000002</v>
      </c>
      <c r="L122" s="422">
        <v>0</v>
      </c>
    </row>
    <row r="123" spans="1:12" ht="10.5" x14ac:dyDescent="0.2">
      <c r="A123" s="445" t="s">
        <v>700</v>
      </c>
      <c r="B123" s="423">
        <v>56637000</v>
      </c>
      <c r="C123" s="423">
        <v>55173000</v>
      </c>
      <c r="D123" s="423">
        <v>2101097.04</v>
      </c>
      <c r="E123" s="423">
        <v>2661340.13</v>
      </c>
      <c r="F123" s="423">
        <v>2.9542705110417917E-2</v>
      </c>
      <c r="G123" s="423">
        <v>52511659.869999997</v>
      </c>
      <c r="H123" s="423">
        <v>558787.6</v>
      </c>
      <c r="I123" s="423">
        <v>1119025.69</v>
      </c>
      <c r="J123" s="423">
        <v>2.8842765662622661E-2</v>
      </c>
      <c r="K123" s="423">
        <v>54053974.310000002</v>
      </c>
      <c r="L123" s="422">
        <v>0</v>
      </c>
    </row>
    <row r="124" spans="1:12" ht="10.5" x14ac:dyDescent="0.2">
      <c r="A124" s="445" t="s">
        <v>702</v>
      </c>
      <c r="B124" s="423">
        <v>7344700</v>
      </c>
      <c r="C124" s="423">
        <v>7344700</v>
      </c>
      <c r="D124" s="423">
        <v>30000</v>
      </c>
      <c r="E124" s="423">
        <v>30000</v>
      </c>
      <c r="F124" s="423">
        <v>3.3302062495579529E-4</v>
      </c>
      <c r="G124" s="423">
        <v>7314700</v>
      </c>
      <c r="H124" s="423">
        <v>4602</v>
      </c>
      <c r="I124" s="423">
        <v>4602</v>
      </c>
      <c r="J124" s="423">
        <v>1.1861605034232009E-4</v>
      </c>
      <c r="K124" s="423">
        <v>7340098</v>
      </c>
      <c r="L124" s="422">
        <v>0</v>
      </c>
    </row>
    <row r="125" spans="1:12" s="264" customFormat="1" ht="10.5" x14ac:dyDescent="0.2">
      <c r="A125" s="445" t="s">
        <v>681</v>
      </c>
      <c r="B125" s="423">
        <v>3500000</v>
      </c>
      <c r="C125" s="423">
        <v>3500000</v>
      </c>
      <c r="D125" s="423">
        <v>80625</v>
      </c>
      <c r="E125" s="423">
        <v>110625</v>
      </c>
      <c r="F125" s="423">
        <v>1.2280135545244954E-3</v>
      </c>
      <c r="G125" s="423">
        <v>3389375</v>
      </c>
      <c r="H125" s="423">
        <v>75400</v>
      </c>
      <c r="I125" s="423">
        <v>105400</v>
      </c>
      <c r="J125" s="423">
        <v>2.716673556297379E-3</v>
      </c>
      <c r="K125" s="423">
        <v>3394600</v>
      </c>
      <c r="L125" s="422">
        <v>0</v>
      </c>
    </row>
    <row r="126" spans="1:12" s="264" customFormat="1" ht="10.5" x14ac:dyDescent="0.2">
      <c r="A126" s="445" t="s">
        <v>651</v>
      </c>
      <c r="B126" s="423">
        <v>175000</v>
      </c>
      <c r="C126" s="423">
        <v>175000</v>
      </c>
      <c r="D126" s="423">
        <v>0</v>
      </c>
      <c r="E126" s="423">
        <v>0</v>
      </c>
      <c r="F126" s="423">
        <v>0</v>
      </c>
      <c r="G126" s="423">
        <v>175000</v>
      </c>
      <c r="H126" s="423">
        <v>0</v>
      </c>
      <c r="I126" s="423">
        <v>0</v>
      </c>
      <c r="J126" s="423">
        <v>0</v>
      </c>
      <c r="K126" s="423">
        <v>175000</v>
      </c>
      <c r="L126" s="422">
        <v>0</v>
      </c>
    </row>
    <row r="127" spans="1:12" ht="10.5" x14ac:dyDescent="0.2">
      <c r="A127" s="445"/>
      <c r="B127" s="423"/>
      <c r="C127" s="421"/>
      <c r="D127" s="421"/>
      <c r="E127" s="421"/>
      <c r="F127" s="421"/>
      <c r="G127" s="423"/>
      <c r="H127" s="421"/>
      <c r="I127" s="421"/>
      <c r="J127" s="423"/>
      <c r="K127" s="423"/>
      <c r="L127" s="422"/>
    </row>
    <row r="128" spans="1:12" s="66" customFormat="1" ht="10.5" x14ac:dyDescent="0.2">
      <c r="A128" s="142" t="s">
        <v>703</v>
      </c>
      <c r="B128" s="421">
        <v>204260800</v>
      </c>
      <c r="C128" s="421">
        <v>215805378.84</v>
      </c>
      <c r="D128" s="421">
        <v>39291823.99000001</v>
      </c>
      <c r="E128" s="421">
        <v>84481823.969999999</v>
      </c>
      <c r="F128" s="421">
        <v>0.93780632719649637</v>
      </c>
      <c r="G128" s="421">
        <v>131323554.86999999</v>
      </c>
      <c r="H128" s="421">
        <v>20586629.150000002</v>
      </c>
      <c r="I128" s="421">
        <v>38511731.660000004</v>
      </c>
      <c r="J128" s="421">
        <v>0.99263570216264296</v>
      </c>
      <c r="K128" s="421">
        <v>177293647.18000001</v>
      </c>
      <c r="L128" s="422">
        <v>0</v>
      </c>
    </row>
    <row r="129" spans="1:12" ht="10.5" x14ac:dyDescent="0.2">
      <c r="A129" s="445" t="s">
        <v>648</v>
      </c>
      <c r="B129" s="423">
        <v>91093300</v>
      </c>
      <c r="C129" s="423">
        <v>100430918.84</v>
      </c>
      <c r="D129" s="423">
        <v>33843494.770000003</v>
      </c>
      <c r="E129" s="423">
        <v>72255892.870000005</v>
      </c>
      <c r="F129" s="423">
        <v>0.80209008667687987</v>
      </c>
      <c r="G129" s="423">
        <v>28175025.969999999</v>
      </c>
      <c r="H129" s="423">
        <v>15678970.439999999</v>
      </c>
      <c r="I129" s="423">
        <v>31268148.609999999</v>
      </c>
      <c r="J129" s="423">
        <v>0.80593313551388657</v>
      </c>
      <c r="K129" s="423">
        <v>69162770.230000004</v>
      </c>
      <c r="L129" s="422">
        <v>0</v>
      </c>
    </row>
    <row r="130" spans="1:12" ht="10.5" x14ac:dyDescent="0.2">
      <c r="A130" s="445" t="s">
        <v>651</v>
      </c>
      <c r="B130" s="423">
        <v>0</v>
      </c>
      <c r="C130" s="423">
        <v>0</v>
      </c>
      <c r="D130" s="423">
        <v>0</v>
      </c>
      <c r="E130" s="423">
        <v>0</v>
      </c>
      <c r="F130" s="423">
        <v>0</v>
      </c>
      <c r="G130" s="423">
        <v>0</v>
      </c>
      <c r="H130" s="423">
        <v>0</v>
      </c>
      <c r="I130" s="423">
        <v>0</v>
      </c>
      <c r="J130" s="423">
        <v>0</v>
      </c>
      <c r="K130" s="423">
        <v>0</v>
      </c>
      <c r="L130" s="422">
        <v>0</v>
      </c>
    </row>
    <row r="131" spans="1:12" ht="10.5" x14ac:dyDescent="0.2">
      <c r="A131" s="445" t="s">
        <v>695</v>
      </c>
      <c r="B131" s="423">
        <v>1699800</v>
      </c>
      <c r="C131" s="423">
        <v>1699800</v>
      </c>
      <c r="D131" s="423">
        <v>0</v>
      </c>
      <c r="E131" s="423">
        <v>0</v>
      </c>
      <c r="F131" s="423">
        <v>0</v>
      </c>
      <c r="G131" s="423">
        <v>1699800</v>
      </c>
      <c r="H131" s="423">
        <v>0</v>
      </c>
      <c r="I131" s="423">
        <v>0</v>
      </c>
      <c r="J131" s="423">
        <v>0</v>
      </c>
      <c r="K131" s="423">
        <v>1699800</v>
      </c>
      <c r="L131" s="422">
        <v>0</v>
      </c>
    </row>
    <row r="132" spans="1:12" ht="10.5" x14ac:dyDescent="0.2">
      <c r="A132" s="445" t="s">
        <v>696</v>
      </c>
      <c r="B132" s="423">
        <v>0</v>
      </c>
      <c r="C132" s="423">
        <v>0</v>
      </c>
      <c r="D132" s="423">
        <v>0</v>
      </c>
      <c r="E132" s="423">
        <v>0</v>
      </c>
      <c r="F132" s="423">
        <v>0</v>
      </c>
      <c r="G132" s="423">
        <v>0</v>
      </c>
      <c r="H132" s="423">
        <v>0</v>
      </c>
      <c r="I132" s="423">
        <v>0</v>
      </c>
      <c r="J132" s="423">
        <v>0</v>
      </c>
      <c r="K132" s="423">
        <v>0</v>
      </c>
      <c r="L132" s="422">
        <v>0</v>
      </c>
    </row>
    <row r="133" spans="1:12" ht="10.5" x14ac:dyDescent="0.2">
      <c r="A133" s="445" t="s">
        <v>701</v>
      </c>
      <c r="B133" s="423">
        <v>0</v>
      </c>
      <c r="C133" s="423">
        <v>0</v>
      </c>
      <c r="D133" s="423">
        <v>0</v>
      </c>
      <c r="E133" s="423">
        <v>0</v>
      </c>
      <c r="F133" s="423">
        <v>0</v>
      </c>
      <c r="G133" s="423">
        <v>0</v>
      </c>
      <c r="H133" s="423">
        <v>0</v>
      </c>
      <c r="I133" s="423">
        <v>0</v>
      </c>
      <c r="J133" s="423">
        <v>0</v>
      </c>
      <c r="K133" s="423">
        <v>0</v>
      </c>
      <c r="L133" s="422">
        <v>0</v>
      </c>
    </row>
    <row r="134" spans="1:12" ht="10.5" x14ac:dyDescent="0.2">
      <c r="A134" s="445" t="s">
        <v>702</v>
      </c>
      <c r="B134" s="423">
        <v>4970000</v>
      </c>
      <c r="C134" s="423">
        <v>4970000</v>
      </c>
      <c r="D134" s="423">
        <v>16685.169999999998</v>
      </c>
      <c r="E134" s="423">
        <v>395899.05</v>
      </c>
      <c r="F134" s="423">
        <v>4.3947516350135215E-3</v>
      </c>
      <c r="G134" s="423">
        <v>4574100.95</v>
      </c>
      <c r="H134" s="423">
        <v>381305.05</v>
      </c>
      <c r="I134" s="423">
        <v>382600.21</v>
      </c>
      <c r="J134" s="423">
        <v>9.8614788723038332E-3</v>
      </c>
      <c r="K134" s="423">
        <v>4587399.79</v>
      </c>
      <c r="L134" s="422">
        <v>0</v>
      </c>
    </row>
    <row r="135" spans="1:12" ht="10.5" x14ac:dyDescent="0.2">
      <c r="A135" s="445" t="s">
        <v>704</v>
      </c>
      <c r="B135" s="423">
        <v>58594500</v>
      </c>
      <c r="C135" s="423">
        <v>59847056</v>
      </c>
      <c r="D135" s="423">
        <v>702902.2</v>
      </c>
      <c r="E135" s="423">
        <v>1349290.6</v>
      </c>
      <c r="F135" s="423">
        <v>1.4978053295299337E-2</v>
      </c>
      <c r="G135" s="423">
        <v>58497765.399999999</v>
      </c>
      <c r="H135" s="423">
        <v>510129.64</v>
      </c>
      <c r="I135" s="423">
        <v>886708.62</v>
      </c>
      <c r="J135" s="423">
        <v>2.2854818406972878E-2</v>
      </c>
      <c r="K135" s="423">
        <v>58960347.380000003</v>
      </c>
      <c r="L135" s="422">
        <v>0</v>
      </c>
    </row>
    <row r="136" spans="1:12" ht="10.5" x14ac:dyDescent="0.2">
      <c r="A136" s="445" t="s">
        <v>705</v>
      </c>
      <c r="B136" s="423">
        <v>0</v>
      </c>
      <c r="C136" s="423">
        <v>0</v>
      </c>
      <c r="D136" s="423">
        <v>0</v>
      </c>
      <c r="E136" s="423">
        <v>0</v>
      </c>
      <c r="F136" s="423">
        <v>0</v>
      </c>
      <c r="G136" s="423">
        <v>0</v>
      </c>
      <c r="H136" s="423">
        <v>0</v>
      </c>
      <c r="I136" s="423">
        <v>0</v>
      </c>
      <c r="J136" s="423">
        <v>0</v>
      </c>
      <c r="K136" s="423">
        <v>0</v>
      </c>
      <c r="L136" s="422">
        <v>0</v>
      </c>
    </row>
    <row r="137" spans="1:12" ht="10.5" x14ac:dyDescent="0.2">
      <c r="A137" s="445" t="s">
        <v>750</v>
      </c>
      <c r="B137" s="423">
        <v>4435000</v>
      </c>
      <c r="C137" s="423">
        <v>7435000</v>
      </c>
      <c r="D137" s="423">
        <v>440171.58</v>
      </c>
      <c r="E137" s="423">
        <v>914726.58</v>
      </c>
      <c r="F137" s="423">
        <v>1.015409391117591E-2</v>
      </c>
      <c r="G137" s="423">
        <v>6520273.4199999999</v>
      </c>
      <c r="H137" s="423">
        <v>240000</v>
      </c>
      <c r="I137" s="423">
        <v>514555</v>
      </c>
      <c r="J137" s="423">
        <v>1.3262599257690683E-2</v>
      </c>
      <c r="K137" s="423">
        <v>6920445</v>
      </c>
      <c r="L137" s="422">
        <v>0</v>
      </c>
    </row>
    <row r="138" spans="1:12" ht="10.5" x14ac:dyDescent="0.2">
      <c r="A138" s="22" t="s">
        <v>751</v>
      </c>
      <c r="B138" s="423">
        <v>36593200</v>
      </c>
      <c r="C138" s="423">
        <v>35872644</v>
      </c>
      <c r="D138" s="423">
        <v>3856613.71</v>
      </c>
      <c r="E138" s="423">
        <v>9134058.3100000005</v>
      </c>
      <c r="F138" s="423">
        <v>0.10139432689262919</v>
      </c>
      <c r="G138" s="423">
        <v>26738585.689999998</v>
      </c>
      <c r="H138" s="423">
        <v>3499484.91</v>
      </c>
      <c r="I138" s="423">
        <v>5182980.1100000003</v>
      </c>
      <c r="J138" s="423">
        <v>0.13359074959821898</v>
      </c>
      <c r="K138" s="423">
        <v>30689663.890000001</v>
      </c>
      <c r="L138" s="422">
        <v>0</v>
      </c>
    </row>
    <row r="139" spans="1:12" s="264" customFormat="1" ht="10.5" x14ac:dyDescent="0.2">
      <c r="A139" s="445" t="s">
        <v>877</v>
      </c>
      <c r="B139" s="423">
        <v>1201200</v>
      </c>
      <c r="C139" s="423">
        <v>1169200</v>
      </c>
      <c r="D139" s="423">
        <v>0</v>
      </c>
      <c r="E139" s="423">
        <v>0</v>
      </c>
      <c r="F139" s="423">
        <v>0</v>
      </c>
      <c r="G139" s="423">
        <v>1169200</v>
      </c>
      <c r="H139" s="423">
        <v>0</v>
      </c>
      <c r="I139" s="423">
        <v>0</v>
      </c>
      <c r="J139" s="423">
        <v>0</v>
      </c>
      <c r="K139" s="423">
        <v>1169200</v>
      </c>
      <c r="L139" s="422">
        <v>0</v>
      </c>
    </row>
    <row r="140" spans="1:12" s="264" customFormat="1" ht="10.5" x14ac:dyDescent="0.2">
      <c r="A140" s="445" t="s">
        <v>878</v>
      </c>
      <c r="B140" s="423">
        <v>2373800</v>
      </c>
      <c r="C140" s="423">
        <v>1080760</v>
      </c>
      <c r="D140" s="423">
        <v>431956.56</v>
      </c>
      <c r="E140" s="423">
        <v>431956.56</v>
      </c>
      <c r="F140" s="423">
        <v>4.7950147854985163E-3</v>
      </c>
      <c r="G140" s="423">
        <v>648803.43999999994</v>
      </c>
      <c r="H140" s="423">
        <v>276739.11</v>
      </c>
      <c r="I140" s="423">
        <v>276739.11</v>
      </c>
      <c r="J140" s="423">
        <v>7.1329205135699384E-3</v>
      </c>
      <c r="K140" s="423">
        <v>804020.89</v>
      </c>
      <c r="L140" s="422">
        <v>0</v>
      </c>
    </row>
    <row r="141" spans="1:12" s="264" customFormat="1" ht="10.5" x14ac:dyDescent="0.2">
      <c r="A141" s="22" t="s">
        <v>879</v>
      </c>
      <c r="B141" s="423">
        <v>3300000</v>
      </c>
      <c r="C141" s="423">
        <v>3300000</v>
      </c>
      <c r="D141" s="423">
        <v>0</v>
      </c>
      <c r="E141" s="423">
        <v>0</v>
      </c>
      <c r="F141" s="423">
        <v>0</v>
      </c>
      <c r="G141" s="423">
        <v>3300000</v>
      </c>
      <c r="H141" s="423">
        <v>0</v>
      </c>
      <c r="I141" s="423">
        <v>0</v>
      </c>
      <c r="J141" s="423">
        <v>0</v>
      </c>
      <c r="K141" s="423">
        <v>3300000</v>
      </c>
      <c r="L141" s="422">
        <v>0</v>
      </c>
    </row>
    <row r="142" spans="1:12" ht="10.5" x14ac:dyDescent="0.2">
      <c r="A142" s="445"/>
      <c r="B142" s="423"/>
      <c r="C142" s="423"/>
      <c r="D142" s="423"/>
      <c r="E142" s="423"/>
      <c r="F142" s="423"/>
      <c r="G142" s="423"/>
      <c r="H142" s="423"/>
      <c r="I142" s="423"/>
      <c r="J142" s="421"/>
      <c r="K142" s="421"/>
      <c r="L142" s="422"/>
    </row>
    <row r="143" spans="1:12" s="66" customFormat="1" ht="10.5" x14ac:dyDescent="0.2">
      <c r="A143" s="142" t="s">
        <v>706</v>
      </c>
      <c r="B143" s="421">
        <v>4487700</v>
      </c>
      <c r="C143" s="421">
        <v>3987700</v>
      </c>
      <c r="D143" s="421">
        <v>173612.07</v>
      </c>
      <c r="E143" s="421">
        <v>747126.48</v>
      </c>
      <c r="F143" s="421">
        <v>8.2936175763541169E-3</v>
      </c>
      <c r="G143" s="421">
        <v>3240573.52</v>
      </c>
      <c r="H143" s="421">
        <v>158177.54</v>
      </c>
      <c r="I143" s="421">
        <v>435148.31</v>
      </c>
      <c r="J143" s="421">
        <v>1.1215900444444918E-2</v>
      </c>
      <c r="K143" s="421">
        <v>3552551.69</v>
      </c>
      <c r="L143" s="422">
        <v>0</v>
      </c>
    </row>
    <row r="144" spans="1:12" ht="10.5" x14ac:dyDescent="0.2">
      <c r="A144" s="445" t="s">
        <v>707</v>
      </c>
      <c r="B144" s="423">
        <v>4487700</v>
      </c>
      <c r="C144" s="423">
        <v>3987700</v>
      </c>
      <c r="D144" s="423">
        <v>173612.07</v>
      </c>
      <c r="E144" s="423">
        <v>747126.48</v>
      </c>
      <c r="F144" s="423">
        <v>8.2936175763541169E-3</v>
      </c>
      <c r="G144" s="423">
        <v>3240573.52</v>
      </c>
      <c r="H144" s="423">
        <v>158177.54</v>
      </c>
      <c r="I144" s="423">
        <v>435148.31</v>
      </c>
      <c r="J144" s="423">
        <v>1.1215900444444918E-2</v>
      </c>
      <c r="K144" s="423">
        <v>3552551.69</v>
      </c>
      <c r="L144" s="422">
        <v>0</v>
      </c>
    </row>
    <row r="145" spans="1:12" ht="10.5" x14ac:dyDescent="0.2">
      <c r="A145" s="445"/>
      <c r="B145" s="423"/>
      <c r="C145" s="421"/>
      <c r="D145" s="421"/>
      <c r="E145" s="421"/>
      <c r="F145" s="421"/>
      <c r="G145" s="421"/>
      <c r="H145" s="421"/>
      <c r="I145" s="421"/>
      <c r="J145" s="421"/>
      <c r="K145" s="421"/>
      <c r="L145" s="422"/>
    </row>
    <row r="146" spans="1:12" s="66" customFormat="1" ht="10.5" x14ac:dyDescent="0.2">
      <c r="A146" s="142" t="s">
        <v>708</v>
      </c>
      <c r="B146" s="421">
        <v>19423800</v>
      </c>
      <c r="C146" s="421">
        <v>19323800</v>
      </c>
      <c r="D146" s="421">
        <v>2597310.27</v>
      </c>
      <c r="E146" s="421">
        <v>2597310.27</v>
      </c>
      <c r="F146" s="421">
        <v>2.8831929643983512E-2</v>
      </c>
      <c r="G146" s="421">
        <v>16726489.73</v>
      </c>
      <c r="H146" s="421">
        <v>900911.44</v>
      </c>
      <c r="I146" s="421">
        <v>900911.44</v>
      </c>
      <c r="J146" s="421">
        <v>2.322089455041549E-2</v>
      </c>
      <c r="K146" s="421">
        <v>18422888.559999999</v>
      </c>
      <c r="L146" s="422">
        <v>0</v>
      </c>
    </row>
    <row r="147" spans="1:12" ht="10.5" x14ac:dyDescent="0.2">
      <c r="A147" s="445" t="s">
        <v>709</v>
      </c>
      <c r="B147" s="423">
        <v>19423800</v>
      </c>
      <c r="C147" s="423">
        <v>19323800</v>
      </c>
      <c r="D147" s="423">
        <v>2597310.27</v>
      </c>
      <c r="E147" s="423">
        <v>2597310.27</v>
      </c>
      <c r="F147" s="423">
        <v>2.8831929643983512E-2</v>
      </c>
      <c r="G147" s="423">
        <v>16726489.73</v>
      </c>
      <c r="H147" s="423">
        <v>900911.44</v>
      </c>
      <c r="I147" s="423">
        <v>900911.44</v>
      </c>
      <c r="J147" s="423">
        <v>2.322089455041549E-2</v>
      </c>
      <c r="K147" s="423">
        <v>18422888.559999999</v>
      </c>
      <c r="L147" s="424">
        <v>0</v>
      </c>
    </row>
    <row r="148" spans="1:12" ht="10.5" x14ac:dyDescent="0.2">
      <c r="A148" s="445"/>
      <c r="B148" s="423"/>
      <c r="C148" s="421"/>
      <c r="D148" s="421"/>
      <c r="E148" s="421"/>
      <c r="F148" s="421"/>
      <c r="G148" s="421"/>
      <c r="H148" s="421"/>
      <c r="I148" s="421"/>
      <c r="J148" s="423"/>
      <c r="K148" s="423"/>
      <c r="L148" s="422"/>
    </row>
    <row r="149" spans="1:12" s="66" customFormat="1" ht="10.5" x14ac:dyDescent="0.2">
      <c r="A149" s="142" t="s">
        <v>711</v>
      </c>
      <c r="B149" s="421">
        <v>49228700</v>
      </c>
      <c r="C149" s="421">
        <v>49256408.859999999</v>
      </c>
      <c r="D149" s="421">
        <v>5800648.3300000001</v>
      </c>
      <c r="E149" s="421">
        <v>15893209.790000001</v>
      </c>
      <c r="F149" s="421">
        <v>0.17642555522731215</v>
      </c>
      <c r="G149" s="421">
        <v>33363199.07</v>
      </c>
      <c r="H149" s="421">
        <v>3736074.5300000003</v>
      </c>
      <c r="I149" s="421">
        <v>6824795.3799999999</v>
      </c>
      <c r="J149" s="421">
        <v>0.1759083599239708</v>
      </c>
      <c r="K149" s="421">
        <v>42431613.479999997</v>
      </c>
      <c r="L149" s="422">
        <v>0</v>
      </c>
    </row>
    <row r="150" spans="1:12" ht="10.5" x14ac:dyDescent="0.2">
      <c r="A150" s="445" t="s">
        <v>847</v>
      </c>
      <c r="B150" s="423">
        <v>0</v>
      </c>
      <c r="C150" s="423">
        <v>0</v>
      </c>
      <c r="D150" s="423">
        <v>0</v>
      </c>
      <c r="E150" s="423">
        <v>0</v>
      </c>
      <c r="F150" s="423">
        <v>0</v>
      </c>
      <c r="G150" s="423">
        <v>0</v>
      </c>
      <c r="H150" s="423">
        <v>0</v>
      </c>
      <c r="I150" s="423">
        <v>0</v>
      </c>
      <c r="J150" s="423">
        <v>0</v>
      </c>
      <c r="K150" s="423">
        <v>0</v>
      </c>
      <c r="L150" s="422">
        <v>0</v>
      </c>
    </row>
    <row r="151" spans="1:12" ht="10.5" x14ac:dyDescent="0.2">
      <c r="A151" s="217" t="s">
        <v>752</v>
      </c>
      <c r="B151" s="423">
        <v>16104000</v>
      </c>
      <c r="C151" s="423">
        <v>16104000</v>
      </c>
      <c r="D151" s="423">
        <v>3724686.67</v>
      </c>
      <c r="E151" s="423">
        <v>6076884.1100000003</v>
      </c>
      <c r="F151" s="423">
        <v>6.7457591469871403E-2</v>
      </c>
      <c r="G151" s="423">
        <v>10027115.890000001</v>
      </c>
      <c r="H151" s="423">
        <v>1556236.25</v>
      </c>
      <c r="I151" s="423">
        <v>2844057.35</v>
      </c>
      <c r="J151" s="423">
        <v>7.3305269405485762E-2</v>
      </c>
      <c r="K151" s="423">
        <v>13259942.65</v>
      </c>
      <c r="L151" s="422">
        <v>0</v>
      </c>
    </row>
    <row r="152" spans="1:12" ht="10.5" x14ac:dyDescent="0.2">
      <c r="A152" s="445" t="s">
        <v>712</v>
      </c>
      <c r="B152" s="423">
        <v>20999500</v>
      </c>
      <c r="C152" s="423">
        <v>20878307.859999999</v>
      </c>
      <c r="D152" s="423">
        <v>745482.34</v>
      </c>
      <c r="E152" s="423">
        <v>7699939.4500000002</v>
      </c>
      <c r="F152" s="423">
        <v>8.5474621592026095E-2</v>
      </c>
      <c r="G152" s="423">
        <v>13178368.41</v>
      </c>
      <c r="H152" s="423">
        <v>1341973.04</v>
      </c>
      <c r="I152" s="423">
        <v>2766411.96</v>
      </c>
      <c r="J152" s="423">
        <v>7.130396790850857E-2</v>
      </c>
      <c r="K152" s="423">
        <v>18111895.899999999</v>
      </c>
      <c r="L152" s="422">
        <v>0</v>
      </c>
    </row>
    <row r="153" spans="1:12" ht="10.5" x14ac:dyDescent="0.2">
      <c r="A153" s="445" t="s">
        <v>713</v>
      </c>
      <c r="B153" s="423">
        <v>11775200</v>
      </c>
      <c r="C153" s="423">
        <v>11924101</v>
      </c>
      <c r="D153" s="423">
        <v>1324145.3400000001</v>
      </c>
      <c r="E153" s="423">
        <v>2110052.25</v>
      </c>
      <c r="F153" s="423">
        <v>2.3423030632812734E-2</v>
      </c>
      <c r="G153" s="423">
        <v>9814048.75</v>
      </c>
      <c r="H153" s="423">
        <v>831740.81</v>
      </c>
      <c r="I153" s="423">
        <v>1208201.6399999999</v>
      </c>
      <c r="J153" s="423">
        <v>3.1141266091680508E-2</v>
      </c>
      <c r="K153" s="423">
        <v>10715899.359999999</v>
      </c>
      <c r="L153" s="422">
        <v>0</v>
      </c>
    </row>
    <row r="154" spans="1:12" s="264" customFormat="1" ht="10.5" x14ac:dyDescent="0.2">
      <c r="A154" s="445" t="s">
        <v>709</v>
      </c>
      <c r="B154" s="423">
        <v>350000</v>
      </c>
      <c r="C154" s="423">
        <v>350000</v>
      </c>
      <c r="D154" s="423">
        <v>6333.98</v>
      </c>
      <c r="E154" s="423">
        <v>6333.98</v>
      </c>
      <c r="F154" s="423">
        <v>7.031153260191694E-5</v>
      </c>
      <c r="G154" s="423">
        <v>343666.02</v>
      </c>
      <c r="H154" s="423">
        <v>6124.43</v>
      </c>
      <c r="I154" s="423">
        <v>6124.43</v>
      </c>
      <c r="J154" s="423">
        <v>1.5785651829596165E-4</v>
      </c>
      <c r="K154" s="423">
        <v>343875.57</v>
      </c>
      <c r="L154" s="422">
        <v>0</v>
      </c>
    </row>
    <row r="155" spans="1:12" ht="10.5" x14ac:dyDescent="0.2">
      <c r="A155" s="445"/>
      <c r="B155" s="423"/>
      <c r="C155" s="423"/>
      <c r="D155" s="423"/>
      <c r="E155" s="423"/>
      <c r="F155" s="423"/>
      <c r="G155" s="423"/>
      <c r="H155" s="423"/>
      <c r="I155" s="423"/>
      <c r="J155" s="423"/>
      <c r="K155" s="423"/>
      <c r="L155" s="422"/>
    </row>
    <row r="156" spans="1:12" s="66" customFormat="1" ht="10.5" x14ac:dyDescent="0.2">
      <c r="A156" s="142" t="s">
        <v>714</v>
      </c>
      <c r="B156" s="421">
        <v>3453100</v>
      </c>
      <c r="C156" s="421">
        <v>3453100</v>
      </c>
      <c r="D156" s="421">
        <v>0</v>
      </c>
      <c r="E156" s="421">
        <v>0</v>
      </c>
      <c r="F156" s="421">
        <v>0</v>
      </c>
      <c r="G156" s="421">
        <v>3453100</v>
      </c>
      <c r="H156" s="421">
        <v>0</v>
      </c>
      <c r="I156" s="421">
        <v>0</v>
      </c>
      <c r="J156" s="421">
        <v>0</v>
      </c>
      <c r="K156" s="421">
        <v>3453100</v>
      </c>
      <c r="L156" s="422">
        <v>0</v>
      </c>
    </row>
    <row r="157" spans="1:12" s="264" customFormat="1" ht="10.5" x14ac:dyDescent="0.2">
      <c r="A157" s="445" t="s">
        <v>654</v>
      </c>
      <c r="B157" s="423">
        <v>0</v>
      </c>
      <c r="C157" s="423">
        <v>0</v>
      </c>
      <c r="D157" s="423">
        <v>0</v>
      </c>
      <c r="E157" s="423">
        <v>0</v>
      </c>
      <c r="F157" s="423">
        <v>0</v>
      </c>
      <c r="G157" s="423">
        <v>0</v>
      </c>
      <c r="H157" s="423">
        <v>0</v>
      </c>
      <c r="I157" s="423">
        <v>0</v>
      </c>
      <c r="J157" s="423">
        <v>0</v>
      </c>
      <c r="K157" s="423">
        <v>0</v>
      </c>
      <c r="L157" s="424">
        <v>0</v>
      </c>
    </row>
    <row r="158" spans="1:12" s="264" customFormat="1" ht="10.5" x14ac:dyDescent="0.2">
      <c r="A158" s="445" t="s">
        <v>752</v>
      </c>
      <c r="B158" s="423">
        <v>3453100</v>
      </c>
      <c r="C158" s="423">
        <v>3453100</v>
      </c>
      <c r="D158" s="423">
        <v>0</v>
      </c>
      <c r="E158" s="423">
        <v>0</v>
      </c>
      <c r="F158" s="423">
        <v>0</v>
      </c>
      <c r="G158" s="423">
        <v>3453100</v>
      </c>
      <c r="H158" s="423">
        <v>0</v>
      </c>
      <c r="I158" s="423">
        <v>0</v>
      </c>
      <c r="J158" s="423">
        <v>0</v>
      </c>
      <c r="K158" s="423">
        <v>3453100</v>
      </c>
      <c r="L158" s="424">
        <v>0</v>
      </c>
    </row>
    <row r="159" spans="1:12" s="264" customFormat="1" ht="10.5" x14ac:dyDescent="0.2">
      <c r="A159" s="445"/>
      <c r="B159" s="423"/>
      <c r="C159" s="423"/>
      <c r="D159" s="423"/>
      <c r="E159" s="423"/>
      <c r="F159" s="423"/>
      <c r="G159" s="423"/>
      <c r="H159" s="423"/>
      <c r="I159" s="423"/>
      <c r="J159" s="423"/>
      <c r="K159" s="423"/>
      <c r="L159" s="424"/>
    </row>
    <row r="160" spans="1:12" s="66" customFormat="1" ht="10.5" x14ac:dyDescent="0.2">
      <c r="A160" s="142" t="s">
        <v>715</v>
      </c>
      <c r="B160" s="421">
        <v>12255900</v>
      </c>
      <c r="C160" s="421">
        <v>12255900</v>
      </c>
      <c r="D160" s="421">
        <v>45097.03</v>
      </c>
      <c r="E160" s="421">
        <v>45097.03</v>
      </c>
      <c r="F160" s="421">
        <v>5.0060803714167498E-4</v>
      </c>
      <c r="G160" s="421">
        <v>12210802.969999999</v>
      </c>
      <c r="H160" s="421">
        <v>0</v>
      </c>
      <c r="I160" s="421">
        <v>0</v>
      </c>
      <c r="J160" s="421">
        <v>0</v>
      </c>
      <c r="K160" s="421">
        <v>12255900</v>
      </c>
      <c r="L160" s="422">
        <v>0</v>
      </c>
    </row>
    <row r="161" spans="1:12" ht="10.5" x14ac:dyDescent="0.2">
      <c r="A161" s="445" t="s">
        <v>701</v>
      </c>
      <c r="B161" s="423">
        <v>0</v>
      </c>
      <c r="C161" s="423">
        <v>0</v>
      </c>
      <c r="D161" s="423">
        <v>0</v>
      </c>
      <c r="E161" s="423">
        <v>0</v>
      </c>
      <c r="F161" s="423">
        <v>0</v>
      </c>
      <c r="G161" s="423">
        <v>0</v>
      </c>
      <c r="H161" s="423">
        <v>0</v>
      </c>
      <c r="I161" s="423">
        <v>0</v>
      </c>
      <c r="J161" s="423">
        <v>0</v>
      </c>
      <c r="K161" s="423">
        <v>0</v>
      </c>
      <c r="L161" s="422">
        <v>0</v>
      </c>
    </row>
    <row r="162" spans="1:12" s="264" customFormat="1" ht="10.5" x14ac:dyDescent="0.2">
      <c r="A162" s="445" t="s">
        <v>881</v>
      </c>
      <c r="B162" s="423">
        <v>7979000</v>
      </c>
      <c r="C162" s="423">
        <v>7979000</v>
      </c>
      <c r="D162" s="423">
        <v>0</v>
      </c>
      <c r="E162" s="423">
        <v>0</v>
      </c>
      <c r="F162" s="423">
        <v>0</v>
      </c>
      <c r="G162" s="423">
        <v>7979000</v>
      </c>
      <c r="H162" s="423">
        <v>0</v>
      </c>
      <c r="I162" s="423">
        <v>0</v>
      </c>
      <c r="J162" s="423">
        <v>0</v>
      </c>
      <c r="K162" s="423">
        <v>7979000</v>
      </c>
      <c r="L162" s="422">
        <v>0</v>
      </c>
    </row>
    <row r="163" spans="1:12" ht="10.5" x14ac:dyDescent="0.2">
      <c r="A163" s="445" t="s">
        <v>716</v>
      </c>
      <c r="B163" s="423">
        <v>4276900</v>
      </c>
      <c r="C163" s="423">
        <v>4276900</v>
      </c>
      <c r="D163" s="423">
        <v>45097.03</v>
      </c>
      <c r="E163" s="423">
        <v>45097.03</v>
      </c>
      <c r="F163" s="423">
        <v>5.0060803714167498E-4</v>
      </c>
      <c r="G163" s="423">
        <v>4231802.97</v>
      </c>
      <c r="H163" s="423">
        <v>0</v>
      </c>
      <c r="I163" s="423">
        <v>0</v>
      </c>
      <c r="J163" s="423">
        <v>0</v>
      </c>
      <c r="K163" s="423">
        <v>4276900</v>
      </c>
      <c r="L163" s="422">
        <v>0</v>
      </c>
    </row>
    <row r="164" spans="1:12" ht="10.5" x14ac:dyDescent="0.2">
      <c r="A164" s="445"/>
      <c r="B164" s="423"/>
      <c r="C164" s="423"/>
      <c r="D164" s="423"/>
      <c r="E164" s="423"/>
      <c r="F164" s="423"/>
      <c r="G164" s="423"/>
      <c r="H164" s="423"/>
      <c r="I164" s="423"/>
      <c r="J164" s="421"/>
      <c r="K164" s="421"/>
      <c r="L164" s="422"/>
    </row>
    <row r="165" spans="1:12" s="66" customFormat="1" ht="10.5" x14ac:dyDescent="0.2">
      <c r="A165" s="142" t="s">
        <v>717</v>
      </c>
      <c r="B165" s="421">
        <v>657547300</v>
      </c>
      <c r="C165" s="421">
        <v>878328989</v>
      </c>
      <c r="D165" s="421">
        <v>126862093.65000001</v>
      </c>
      <c r="E165" s="421">
        <v>507442887.80000001</v>
      </c>
      <c r="F165" s="421">
        <v>5.6329649208176509</v>
      </c>
      <c r="G165" s="421">
        <v>370886101.19999999</v>
      </c>
      <c r="H165" s="421">
        <v>87567347.49000001</v>
      </c>
      <c r="I165" s="421">
        <v>149143283.19</v>
      </c>
      <c r="J165" s="421">
        <v>3.844151931135146</v>
      </c>
      <c r="K165" s="421">
        <v>729185705.81000006</v>
      </c>
      <c r="L165" s="422">
        <v>0</v>
      </c>
    </row>
    <row r="166" spans="1:12" ht="10.5" x14ac:dyDescent="0.2">
      <c r="A166" s="22" t="s">
        <v>648</v>
      </c>
      <c r="B166" s="423">
        <v>66737000</v>
      </c>
      <c r="C166" s="423">
        <v>77341347</v>
      </c>
      <c r="D166" s="423">
        <v>14151830.529999999</v>
      </c>
      <c r="E166" s="423">
        <v>50078381.229999997</v>
      </c>
      <c r="F166" s="423">
        <v>0.55590446046630559</v>
      </c>
      <c r="G166" s="423">
        <v>27262965.770000003</v>
      </c>
      <c r="H166" s="423">
        <v>9587237.9800000004</v>
      </c>
      <c r="I166" s="423">
        <v>18811971.050000001</v>
      </c>
      <c r="J166" s="423">
        <v>0.484876511322266</v>
      </c>
      <c r="K166" s="423">
        <v>58529375.950000003</v>
      </c>
      <c r="L166" s="422">
        <v>0</v>
      </c>
    </row>
    <row r="167" spans="1:12" ht="10.5" x14ac:dyDescent="0.2">
      <c r="A167" s="445" t="s">
        <v>718</v>
      </c>
      <c r="B167" s="423">
        <v>3720000</v>
      </c>
      <c r="C167" s="423">
        <v>2220000</v>
      </c>
      <c r="D167" s="423">
        <v>0</v>
      </c>
      <c r="E167" s="423">
        <v>0</v>
      </c>
      <c r="F167" s="423">
        <v>0</v>
      </c>
      <c r="G167" s="423">
        <v>2220000</v>
      </c>
      <c r="H167" s="423">
        <v>0</v>
      </c>
      <c r="I167" s="423">
        <v>0</v>
      </c>
      <c r="J167" s="423">
        <v>0</v>
      </c>
      <c r="K167" s="423">
        <v>2220000</v>
      </c>
      <c r="L167" s="422">
        <v>0</v>
      </c>
    </row>
    <row r="168" spans="1:12" ht="10.5" x14ac:dyDescent="0.2">
      <c r="A168" s="445" t="s">
        <v>719</v>
      </c>
      <c r="B168" s="423">
        <v>581290300</v>
      </c>
      <c r="C168" s="423">
        <v>794807642</v>
      </c>
      <c r="D168" s="423">
        <v>112710263.12</v>
      </c>
      <c r="E168" s="423">
        <v>457364506.56999999</v>
      </c>
      <c r="F168" s="423">
        <v>5.077060460351345</v>
      </c>
      <c r="G168" s="423">
        <v>337443135.43000001</v>
      </c>
      <c r="H168" s="423">
        <v>77980109.510000005</v>
      </c>
      <c r="I168" s="423">
        <v>130331312.14</v>
      </c>
      <c r="J168" s="423">
        <v>3.3592754198128802</v>
      </c>
      <c r="K168" s="423">
        <v>664476329.86000001</v>
      </c>
      <c r="L168" s="422">
        <v>0</v>
      </c>
    </row>
    <row r="169" spans="1:12" ht="10.5" x14ac:dyDescent="0.2">
      <c r="A169" s="445" t="s">
        <v>720</v>
      </c>
      <c r="B169" s="423">
        <v>3300000</v>
      </c>
      <c r="C169" s="423">
        <v>1960000</v>
      </c>
      <c r="D169" s="423">
        <v>0</v>
      </c>
      <c r="E169" s="423">
        <v>0</v>
      </c>
      <c r="F169" s="423">
        <v>0</v>
      </c>
      <c r="G169" s="423">
        <v>1960000</v>
      </c>
      <c r="H169" s="423">
        <v>0</v>
      </c>
      <c r="I169" s="423">
        <v>0</v>
      </c>
      <c r="J169" s="423">
        <v>0</v>
      </c>
      <c r="K169" s="423">
        <v>1960000</v>
      </c>
      <c r="L169" s="422">
        <v>0</v>
      </c>
    </row>
    <row r="170" spans="1:12" ht="10.5" x14ac:dyDescent="0.2">
      <c r="A170" s="445" t="s">
        <v>721</v>
      </c>
      <c r="B170" s="423">
        <v>2500000</v>
      </c>
      <c r="C170" s="423">
        <v>2000000</v>
      </c>
      <c r="D170" s="423">
        <v>0</v>
      </c>
      <c r="E170" s="423">
        <v>0</v>
      </c>
      <c r="F170" s="423">
        <v>0</v>
      </c>
      <c r="G170" s="423">
        <v>2000000</v>
      </c>
      <c r="H170" s="423">
        <v>0</v>
      </c>
      <c r="I170" s="423">
        <v>0</v>
      </c>
      <c r="J170" s="423">
        <v>0</v>
      </c>
      <c r="K170" s="423">
        <v>2000000</v>
      </c>
      <c r="L170" s="422">
        <v>0</v>
      </c>
    </row>
    <row r="171" spans="1:12" s="187" customFormat="1" ht="10.5" x14ac:dyDescent="0.2">
      <c r="A171" s="445"/>
      <c r="B171" s="423"/>
      <c r="C171" s="421"/>
      <c r="D171" s="421"/>
      <c r="E171" s="421"/>
      <c r="F171" s="421"/>
      <c r="G171" s="423"/>
      <c r="H171" s="421"/>
      <c r="I171" s="421"/>
      <c r="J171" s="423"/>
      <c r="K171" s="421"/>
      <c r="L171" s="422"/>
    </row>
    <row r="172" spans="1:12" s="66" customFormat="1" ht="10.5" x14ac:dyDescent="0.2">
      <c r="A172" s="142" t="s">
        <v>722</v>
      </c>
      <c r="B172" s="421">
        <v>27684900</v>
      </c>
      <c r="C172" s="421">
        <v>28565900</v>
      </c>
      <c r="D172" s="421">
        <v>5422429.3300000001</v>
      </c>
      <c r="E172" s="421">
        <v>8173959.9000000004</v>
      </c>
      <c r="F172" s="421">
        <v>9.0736574475387008E-2</v>
      </c>
      <c r="G172" s="421">
        <v>20391940.100000001</v>
      </c>
      <c r="H172" s="421">
        <v>2952167.85</v>
      </c>
      <c r="I172" s="421">
        <v>3598399.87</v>
      </c>
      <c r="J172" s="421">
        <v>9.2748365956479367E-2</v>
      </c>
      <c r="K172" s="421">
        <v>24967500.129999999</v>
      </c>
      <c r="L172" s="422">
        <v>0</v>
      </c>
    </row>
    <row r="173" spans="1:12" ht="10.5" x14ac:dyDescent="0.2">
      <c r="A173" s="445" t="s">
        <v>723</v>
      </c>
      <c r="B173" s="423">
        <v>2500000</v>
      </c>
      <c r="C173" s="423">
        <v>2500000</v>
      </c>
      <c r="D173" s="423">
        <v>446368.75</v>
      </c>
      <c r="E173" s="423">
        <v>705827.24</v>
      </c>
      <c r="F173" s="423">
        <v>7.8351676191874709E-3</v>
      </c>
      <c r="G173" s="423">
        <v>1794172.76</v>
      </c>
      <c r="H173" s="423">
        <v>356692.27</v>
      </c>
      <c r="I173" s="423">
        <v>446065.12</v>
      </c>
      <c r="J173" s="423">
        <v>1.1497280036912876E-2</v>
      </c>
      <c r="K173" s="423">
        <v>2053934.88</v>
      </c>
      <c r="L173" s="422">
        <v>0</v>
      </c>
    </row>
    <row r="174" spans="1:12" ht="10.5" x14ac:dyDescent="0.2">
      <c r="A174" s="445" t="s">
        <v>724</v>
      </c>
      <c r="B174" s="423">
        <v>25184900</v>
      </c>
      <c r="C174" s="423">
        <v>26065900</v>
      </c>
      <c r="D174" s="423">
        <v>4976060.58</v>
      </c>
      <c r="E174" s="423">
        <v>7468132.6600000001</v>
      </c>
      <c r="F174" s="423">
        <v>8.2901406856199539E-2</v>
      </c>
      <c r="G174" s="423">
        <v>18597767.34</v>
      </c>
      <c r="H174" s="423">
        <v>2595475.58</v>
      </c>
      <c r="I174" s="423">
        <v>3152334.75</v>
      </c>
      <c r="J174" s="423">
        <v>8.1251085919566507E-2</v>
      </c>
      <c r="K174" s="423">
        <v>22913565.25</v>
      </c>
      <c r="L174" s="422">
        <v>0</v>
      </c>
    </row>
    <row r="175" spans="1:12" ht="10.5" x14ac:dyDescent="0.2">
      <c r="A175" s="445"/>
      <c r="B175" s="423"/>
      <c r="C175" s="421"/>
      <c r="D175" s="421"/>
      <c r="E175" s="421"/>
      <c r="F175" s="421"/>
      <c r="G175" s="423"/>
      <c r="H175" s="421"/>
      <c r="I175" s="421"/>
      <c r="J175" s="421"/>
      <c r="K175" s="421"/>
      <c r="L175" s="422"/>
    </row>
    <row r="176" spans="1:12" s="66" customFormat="1" ht="10.5" x14ac:dyDescent="0.2">
      <c r="A176" s="142" t="s">
        <v>725</v>
      </c>
      <c r="B176" s="421">
        <v>3363320600</v>
      </c>
      <c r="C176" s="421">
        <v>2648644622</v>
      </c>
      <c r="D176" s="421">
        <v>36322143.82</v>
      </c>
      <c r="E176" s="421">
        <v>1144637423.6600001</v>
      </c>
      <c r="F176" s="421">
        <v>12.706262339168156</v>
      </c>
      <c r="G176" s="421">
        <v>1504007198.3399999</v>
      </c>
      <c r="H176" s="421">
        <v>190172410.32999998</v>
      </c>
      <c r="I176" s="421">
        <v>420878357.39999998</v>
      </c>
      <c r="J176" s="421">
        <v>10.848093965526159</v>
      </c>
      <c r="K176" s="421">
        <v>2227766264.5999999</v>
      </c>
      <c r="L176" s="422">
        <v>0</v>
      </c>
    </row>
    <row r="177" spans="1:12" s="347" customFormat="1" ht="10.5" x14ac:dyDescent="0.2">
      <c r="A177" s="346" t="s">
        <v>798</v>
      </c>
      <c r="B177" s="502">
        <v>717719100</v>
      </c>
      <c r="C177" s="423">
        <v>717719100</v>
      </c>
      <c r="D177" s="423">
        <v>0</v>
      </c>
      <c r="E177" s="423">
        <v>717719100</v>
      </c>
      <c r="F177" s="423">
        <v>7.9671754408236986</v>
      </c>
      <c r="G177" s="423">
        <v>0</v>
      </c>
      <c r="H177" s="423">
        <v>102668584.34999999</v>
      </c>
      <c r="I177" s="423">
        <v>220430097.15000001</v>
      </c>
      <c r="J177" s="423">
        <v>5.6815618210575636</v>
      </c>
      <c r="K177" s="423">
        <v>497289002.85000002</v>
      </c>
      <c r="L177" s="422">
        <v>0</v>
      </c>
    </row>
    <row r="178" spans="1:12" ht="10.5" x14ac:dyDescent="0.2">
      <c r="A178" s="445" t="s">
        <v>726</v>
      </c>
      <c r="B178" s="423">
        <v>217753800</v>
      </c>
      <c r="C178" s="423">
        <v>218753800</v>
      </c>
      <c r="D178" s="423">
        <v>0</v>
      </c>
      <c r="E178" s="423">
        <v>209743667.08000001</v>
      </c>
      <c r="F178" s="423">
        <v>2.3282989030500625</v>
      </c>
      <c r="G178" s="423">
        <v>9010132.9199999869</v>
      </c>
      <c r="H178" s="423">
        <v>37090114.359999999</v>
      </c>
      <c r="I178" s="423">
        <v>71288955.790000007</v>
      </c>
      <c r="J178" s="423">
        <v>1.8374650953581211</v>
      </c>
      <c r="K178" s="423">
        <v>147464844.20999998</v>
      </c>
      <c r="L178" s="422">
        <v>0</v>
      </c>
    </row>
    <row r="179" spans="1:12" ht="10.5" x14ac:dyDescent="0.2">
      <c r="A179" s="445" t="s">
        <v>727</v>
      </c>
      <c r="B179" s="423">
        <v>26138300</v>
      </c>
      <c r="C179" s="423">
        <v>26138300</v>
      </c>
      <c r="D179" s="423">
        <v>10000000</v>
      </c>
      <c r="E179" s="423">
        <v>10000000</v>
      </c>
      <c r="F179" s="423">
        <v>0.1110068749852651</v>
      </c>
      <c r="G179" s="423">
        <v>16138300</v>
      </c>
      <c r="H179" s="423">
        <v>4878690.45</v>
      </c>
      <c r="I179" s="423">
        <v>4878690.45</v>
      </c>
      <c r="J179" s="423">
        <v>0.12574771664967324</v>
      </c>
      <c r="K179" s="423">
        <v>21259609.550000001</v>
      </c>
      <c r="L179" s="422">
        <v>0</v>
      </c>
    </row>
    <row r="180" spans="1:12" ht="10.5" x14ac:dyDescent="0.2">
      <c r="A180" s="445" t="s">
        <v>880</v>
      </c>
      <c r="B180" s="423">
        <v>2172871000</v>
      </c>
      <c r="C180" s="423">
        <v>1457245022</v>
      </c>
      <c r="D180" s="423">
        <v>0</v>
      </c>
      <c r="E180" s="423">
        <v>64591166.890000001</v>
      </c>
      <c r="F180" s="423">
        <v>0.71700635881106245</v>
      </c>
      <c r="G180" s="423">
        <v>1392653855.1099999</v>
      </c>
      <c r="H180" s="423">
        <v>5500000</v>
      </c>
      <c r="I180" s="423">
        <v>42341166.890000001</v>
      </c>
      <c r="J180" s="423">
        <v>1.0913389794386825</v>
      </c>
      <c r="K180" s="423">
        <v>1414903855.1099999</v>
      </c>
      <c r="L180" s="422">
        <v>0</v>
      </c>
    </row>
    <row r="181" spans="1:12" ht="10.5" x14ac:dyDescent="0.2">
      <c r="A181" s="445" t="s">
        <v>728</v>
      </c>
      <c r="B181" s="423">
        <v>228838400</v>
      </c>
      <c r="C181" s="423">
        <v>228788400</v>
      </c>
      <c r="D181" s="423">
        <v>26322143.82</v>
      </c>
      <c r="E181" s="423">
        <v>142583489.69</v>
      </c>
      <c r="F181" s="423">
        <v>1.5827747614980667</v>
      </c>
      <c r="G181" s="423">
        <v>86204910.310000002</v>
      </c>
      <c r="H181" s="423">
        <v>40035021.170000002</v>
      </c>
      <c r="I181" s="423">
        <v>81939447.120000005</v>
      </c>
      <c r="J181" s="423">
        <v>2.1119803530221199</v>
      </c>
      <c r="K181" s="423">
        <v>146848952.88</v>
      </c>
      <c r="L181" s="422">
        <v>0</v>
      </c>
    </row>
    <row r="182" spans="1:12" ht="10.5" customHeight="1" x14ac:dyDescent="0.2">
      <c r="A182" s="445" t="s">
        <v>753</v>
      </c>
      <c r="B182" s="423">
        <v>0</v>
      </c>
      <c r="C182" s="421">
        <v>0</v>
      </c>
      <c r="D182" s="421">
        <v>0</v>
      </c>
      <c r="E182" s="421">
        <v>0</v>
      </c>
      <c r="F182" s="423">
        <v>0</v>
      </c>
      <c r="G182" s="423">
        <v>0</v>
      </c>
      <c r="H182" s="421"/>
      <c r="I182" s="421"/>
      <c r="J182" s="423">
        <v>0</v>
      </c>
      <c r="K182" s="423">
        <v>0</v>
      </c>
      <c r="L182" s="422">
        <v>0</v>
      </c>
    </row>
    <row r="183" spans="1:12" s="264" customFormat="1" ht="10.5" customHeight="1" x14ac:dyDescent="0.2">
      <c r="A183" s="445"/>
      <c r="B183" s="423"/>
      <c r="C183" s="421"/>
      <c r="D183" s="421"/>
      <c r="E183" s="421"/>
      <c r="F183" s="421"/>
      <c r="G183" s="421"/>
      <c r="H183" s="421"/>
      <c r="I183" s="421"/>
      <c r="J183" s="421"/>
      <c r="K183" s="421"/>
      <c r="L183" s="422"/>
    </row>
    <row r="184" spans="1:12" s="66" customFormat="1" ht="10.5" customHeight="1" x14ac:dyDescent="0.2">
      <c r="A184" s="143" t="s">
        <v>729</v>
      </c>
      <c r="B184" s="421">
        <v>128753000</v>
      </c>
      <c r="C184" s="421">
        <v>128753000</v>
      </c>
      <c r="D184" s="421">
        <v>0</v>
      </c>
      <c r="E184" s="421">
        <v>0</v>
      </c>
      <c r="F184" s="421">
        <v>0</v>
      </c>
      <c r="G184" s="421">
        <v>128753000</v>
      </c>
      <c r="H184" s="421">
        <v>0</v>
      </c>
      <c r="I184" s="421">
        <v>0</v>
      </c>
      <c r="J184" s="421">
        <v>0</v>
      </c>
      <c r="K184" s="421">
        <v>128753000</v>
      </c>
      <c r="L184" s="422">
        <v>0</v>
      </c>
    </row>
    <row r="185" spans="1:12" ht="10.5" x14ac:dyDescent="0.2">
      <c r="A185" s="22" t="s">
        <v>731</v>
      </c>
      <c r="B185" s="423">
        <v>0</v>
      </c>
      <c r="C185" s="423">
        <v>0</v>
      </c>
      <c r="D185" s="423">
        <v>0</v>
      </c>
      <c r="E185" s="423">
        <v>0</v>
      </c>
      <c r="F185" s="421">
        <v>0</v>
      </c>
      <c r="G185" s="423">
        <v>0</v>
      </c>
      <c r="H185" s="423">
        <v>0</v>
      </c>
      <c r="I185" s="423">
        <v>0</v>
      </c>
      <c r="J185" s="423">
        <v>0</v>
      </c>
      <c r="K185" s="423">
        <v>0</v>
      </c>
      <c r="L185" s="422">
        <v>0</v>
      </c>
    </row>
    <row r="186" spans="1:12" ht="11.25" customHeight="1" x14ac:dyDescent="0.2">
      <c r="A186" s="22" t="s">
        <v>730</v>
      </c>
      <c r="B186" s="423">
        <v>128753000</v>
      </c>
      <c r="C186" s="423">
        <v>128753000</v>
      </c>
      <c r="D186" s="423">
        <v>0</v>
      </c>
      <c r="E186" s="423">
        <v>0</v>
      </c>
      <c r="F186" s="421">
        <v>0</v>
      </c>
      <c r="G186" s="423">
        <v>128753000</v>
      </c>
      <c r="H186" s="423">
        <v>0</v>
      </c>
      <c r="I186" s="423">
        <v>0</v>
      </c>
      <c r="J186" s="423">
        <v>0</v>
      </c>
      <c r="K186" s="423">
        <v>128753000</v>
      </c>
      <c r="L186" s="422">
        <v>0</v>
      </c>
    </row>
    <row r="187" spans="1:12" ht="11.25" customHeight="1" x14ac:dyDescent="0.2">
      <c r="A187" s="22"/>
      <c r="B187" s="423"/>
      <c r="C187" s="423"/>
      <c r="D187" s="423"/>
      <c r="E187" s="423"/>
      <c r="F187" s="423"/>
      <c r="G187" s="423"/>
      <c r="H187" s="423"/>
      <c r="I187" s="423"/>
      <c r="J187" s="421"/>
      <c r="K187" s="421"/>
      <c r="L187" s="422"/>
    </row>
    <row r="188" spans="1:12" s="66" customFormat="1" ht="15" customHeight="1" x14ac:dyDescent="0.2">
      <c r="A188" s="142" t="s">
        <v>221</v>
      </c>
      <c r="B188" s="421">
        <v>993939500</v>
      </c>
      <c r="C188" s="421">
        <v>1205084178.5600004</v>
      </c>
      <c r="D188" s="421">
        <v>511430955.33999997</v>
      </c>
      <c r="E188" s="421">
        <v>887739645.85000002</v>
      </c>
      <c r="F188" s="421">
        <v>9.8545203886334463</v>
      </c>
      <c r="G188" s="421">
        <v>317344532.70999998</v>
      </c>
      <c r="H188" s="421">
        <v>169630015.91000003</v>
      </c>
      <c r="I188" s="421">
        <v>361944685.32000005</v>
      </c>
      <c r="J188" s="421">
        <v>9.3290849663303632</v>
      </c>
      <c r="K188" s="421">
        <v>843139493.24000025</v>
      </c>
      <c r="L188" s="422">
        <v>0</v>
      </c>
    </row>
    <row r="189" spans="1:12" ht="15" customHeight="1" x14ac:dyDescent="0.2">
      <c r="A189" s="444" t="s">
        <v>222</v>
      </c>
      <c r="B189" s="362">
        <v>13926525000</v>
      </c>
      <c r="C189" s="362">
        <v>14303757467</v>
      </c>
      <c r="D189" s="362">
        <v>3249489181.4300008</v>
      </c>
      <c r="E189" s="362">
        <v>9008451054.3400002</v>
      </c>
      <c r="F189" s="503">
        <v>100</v>
      </c>
      <c r="G189" s="362">
        <v>5295306412.6599989</v>
      </c>
      <c r="H189" s="362">
        <v>2017346303.77</v>
      </c>
      <c r="I189" s="362">
        <v>3879744761.9599996</v>
      </c>
      <c r="J189" s="503">
        <v>100</v>
      </c>
      <c r="K189" s="504">
        <v>10424012705.039999</v>
      </c>
      <c r="L189" s="229">
        <v>0</v>
      </c>
    </row>
    <row r="190" spans="1:12" ht="11.25" customHeight="1" x14ac:dyDescent="0.2">
      <c r="A190" s="65" t="s">
        <v>848</v>
      </c>
      <c r="L190" s="292"/>
    </row>
    <row r="191" spans="1:12" ht="11.25" customHeight="1" x14ac:dyDescent="0.2">
      <c r="A191" s="446"/>
      <c r="D191" s="204"/>
      <c r="I191" s="204"/>
    </row>
    <row r="192" spans="1:12" s="264" customFormat="1" ht="11.25" customHeight="1" x14ac:dyDescent="0.2">
      <c r="A192" s="452"/>
      <c r="B192" s="45"/>
      <c r="C192" s="45"/>
      <c r="D192" s="456"/>
      <c r="E192" s="45"/>
      <c r="F192" s="45"/>
      <c r="G192" s="45"/>
      <c r="H192" s="45"/>
      <c r="I192" s="456"/>
      <c r="J192" s="45"/>
      <c r="K192" s="45"/>
      <c r="L192" s="45"/>
    </row>
    <row r="193" spans="1:12" s="264" customFormat="1" ht="11.25" customHeight="1" x14ac:dyDescent="0.2">
      <c r="A193" s="452"/>
      <c r="B193" s="45"/>
      <c r="C193" s="45"/>
      <c r="D193" s="456"/>
      <c r="E193" s="45"/>
      <c r="F193" s="45"/>
      <c r="G193" s="45"/>
      <c r="H193" s="45"/>
      <c r="I193" s="456"/>
      <c r="J193" s="45"/>
      <c r="K193" s="45"/>
      <c r="L193" s="45"/>
    </row>
    <row r="194" spans="1:12" s="264" customFormat="1" ht="11.25" customHeight="1" x14ac:dyDescent="0.2">
      <c r="A194" s="446"/>
      <c r="B194" s="456"/>
      <c r="C194" s="456"/>
      <c r="D194" s="204"/>
      <c r="E194" s="456"/>
      <c r="F194" s="456"/>
      <c r="G194" s="456"/>
      <c r="H194" s="456"/>
      <c r="I194" s="204"/>
      <c r="J194" s="456"/>
      <c r="K194" s="456"/>
      <c r="L194" s="45"/>
    </row>
    <row r="199" spans="1:12" s="45" customFormat="1" ht="11.25" customHeight="1" x14ac:dyDescent="0.2"/>
    <row r="200" spans="1:12" s="45" customFormat="1" ht="11.25" customHeight="1" x14ac:dyDescent="0.2"/>
    <row r="201" spans="1:12" s="45" customFormat="1" ht="11.25" customHeight="1" x14ac:dyDescent="0.2"/>
    <row r="202" spans="1:12" s="45" customFormat="1" ht="11.25" customHeight="1" x14ac:dyDescent="0.2"/>
    <row r="203" spans="1:12" s="45" customFormat="1" ht="11.25" customHeight="1" x14ac:dyDescent="0.2"/>
    <row r="204" spans="1:12" s="45" customFormat="1" ht="11.25" customHeight="1" x14ac:dyDescent="0.2"/>
    <row r="205" spans="1:12" s="45" customFormat="1" ht="11.25" customHeight="1" x14ac:dyDescent="0.2"/>
  </sheetData>
  <customSheetViews>
    <customSheetView guid="{6DBFA32C-4AA4-4E1D-9A48-697377C64CC3}" showPageBreaks="1" showGridLines="0" printArea="1" topLeftCell="D1">
      <selection activeCell="A6" sqref="A6:L6"/>
      <rowBreaks count="1" manualBreakCount="1">
        <brk id="171" max="11" man="1"/>
      </rowBreaks>
      <pageMargins left="0.19685039370078741" right="0.19685039370078741" top="0.19685039370078741" bottom="0.19685039370078741" header="0" footer="0"/>
      <printOptions horizontalCentered="1"/>
      <pageSetup paperSize="9" scale="40" fitToHeight="2" orientation="portrait" r:id="rId1"/>
      <headerFooter alignWithMargins="0"/>
    </customSheetView>
    <customSheetView guid="{3AAF6A5F-F9AA-430B-9AD9-1261ECDF41B5}" showPageBreaks="1" showGridLines="0" fitToPage="1" printArea="1" topLeftCell="D164">
      <selection activeCell="E126" sqref="E126"/>
      <pageMargins left="0.19685039370078741" right="0.19685039370078741" top="0.19685039370078741" bottom="0.19685039370078741" header="0" footer="0"/>
      <printOptions horizontalCentered="1"/>
      <pageSetup paperSize="9" scale="38" orientation="portrait" r:id="rId2"/>
      <headerFooter alignWithMargins="0"/>
    </customSheetView>
    <customSheetView guid="{C779D862-DE28-46CD-A428-4AAA1056D1E1}" showPageBreaks="1" showGridLines="0" fitToPage="1" printArea="1">
      <selection activeCell="E126" sqref="E126"/>
      <pageMargins left="0.19685039370078741" right="0.19685039370078741" top="0.19685039370078741" bottom="0.19685039370078741" header="0" footer="0"/>
      <printOptions horizontalCentered="1"/>
      <pageSetup paperSize="9" scale="38" orientation="portrait" r:id="rId3"/>
      <headerFooter alignWithMargins="0"/>
    </customSheetView>
    <customSheetView guid="{25EF1E0D-169B-4051-B414-7E1196FC05E4}" showGridLines="0" fitToPage="1" topLeftCell="B47">
      <selection activeCell="I76" sqref="I76"/>
      <pageMargins left="0.19685039370078741" right="0.19685039370078741" top="0.19685039370078741" bottom="0.19685039370078741" header="0" footer="0"/>
      <printOptions horizontalCentered="1"/>
      <pageSetup paperSize="9" scale="38" orientation="portrait" r:id="rId4"/>
      <headerFooter alignWithMargins="0"/>
    </customSheetView>
    <customSheetView guid="{B4FED47C-EE37-4843-A570-282D4F8229D4}" showGridLines="0" fitToPage="1" topLeftCell="B50">
      <selection activeCell="I74" sqref="I74"/>
      <pageMargins left="0.19685039370078741" right="0.19685039370078741" top="0.19685039370078741" bottom="0.19685039370078741" header="0" footer="0"/>
      <printOptions horizontalCentered="1"/>
      <pageSetup paperSize="9" scale="38" orientation="portrait" r:id="rId5"/>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6"/>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7"/>
      <headerFooter alignWithMargins="0"/>
    </customSheetView>
    <customSheetView guid="{82EDB5A4-4824-4632-A540-7A52C92F04C7}" showPageBreaks="1" showGridLines="0" fitToPage="1" printArea="1" topLeftCell="A9">
      <pane xSplit="1" ySplit="4" topLeftCell="B165" activePane="bottomRight" state="frozen"/>
      <selection pane="bottomRight" activeCell="H189" sqref="H189"/>
      <pageMargins left="0.19685039370078741" right="0.19685039370078741" top="0.19685039370078741" bottom="0.19685039370078741" header="0" footer="0"/>
      <printOptions horizontalCentered="1"/>
      <pageSetup paperSize="9" scale="38" orientation="portrait" r:id="rId8"/>
      <headerFooter alignWithMargins="0"/>
    </customSheetView>
  </customSheetViews>
  <mergeCells count="12">
    <mergeCell ref="A3:L3"/>
    <mergeCell ref="A4:L4"/>
    <mergeCell ref="A5:L5"/>
    <mergeCell ref="A6:L6"/>
    <mergeCell ref="A7:L7"/>
    <mergeCell ref="H10:J10"/>
    <mergeCell ref="L10:L12"/>
    <mergeCell ref="D10:F10"/>
    <mergeCell ref="G10:G11"/>
    <mergeCell ref="K10:K11"/>
    <mergeCell ref="D11:D12"/>
    <mergeCell ref="H11:H12"/>
  </mergeCells>
  <phoneticPr fontId="1" type="noConversion"/>
  <printOptions horizontalCentered="1"/>
  <pageMargins left="0.19685039370078741" right="0.19685039370078741" top="0.19685039370078741" bottom="0.19685039370078741" header="0" footer="0"/>
  <pageSetup paperSize="9" scale="37" orientation="portrait" r:id="rId9"/>
  <headerFooter alignWithMargins="0"/>
  <drawing r:id="rId1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166"/>
  <sheetViews>
    <sheetView showGridLines="0" zoomScaleNormal="100" workbookViewId="0"/>
  </sheetViews>
  <sheetFormatPr defaultColWidth="9.140625" defaultRowHeight="11.25" customHeight="1" x14ac:dyDescent="0.2"/>
  <cols>
    <col min="1" max="1" width="42.7109375" style="45" customWidth="1"/>
    <col min="2" max="2" width="17.5703125" style="45" bestFit="1" customWidth="1"/>
    <col min="3" max="3" width="19.140625" style="45" bestFit="1" customWidth="1"/>
    <col min="4" max="4" width="17.42578125" style="45" customWidth="1"/>
    <col min="5" max="5" width="20.28515625" style="45" customWidth="1"/>
    <col min="6" max="6" width="11" style="45" customWidth="1"/>
    <col min="7" max="7" width="17.42578125" style="45" bestFit="1" customWidth="1"/>
    <col min="8" max="8" width="17" style="45" customWidth="1"/>
    <col min="9" max="9" width="17.28515625" style="45" bestFit="1" customWidth="1"/>
    <col min="10" max="10" width="11" style="45" customWidth="1"/>
    <col min="11" max="11" width="17.7109375" style="45" customWidth="1"/>
    <col min="12" max="12" width="15.7109375" style="45" customWidth="1"/>
    <col min="13" max="16384" width="9.140625" style="188"/>
  </cols>
  <sheetData>
    <row r="1" spans="1:12" s="26" customFormat="1" ht="10.5" x14ac:dyDescent="0.2">
      <c r="A1" s="290"/>
      <c r="B1" s="290"/>
      <c r="C1" s="290"/>
      <c r="D1" s="290"/>
      <c r="E1" s="290"/>
      <c r="F1" s="290"/>
      <c r="G1" s="290"/>
      <c r="H1" s="290"/>
      <c r="I1" s="290"/>
      <c r="J1" s="290"/>
    </row>
    <row r="2" spans="1:12" s="26" customFormat="1" ht="10.5" x14ac:dyDescent="0.2">
      <c r="A2" s="190"/>
    </row>
    <row r="3" spans="1:12" s="45" customFormat="1" ht="10.5" x14ac:dyDescent="0.2">
      <c r="A3" s="740" t="s">
        <v>638</v>
      </c>
      <c r="B3" s="740"/>
      <c r="C3" s="740"/>
      <c r="D3" s="740"/>
      <c r="E3" s="740"/>
      <c r="F3" s="740"/>
      <c r="G3" s="740"/>
      <c r="H3" s="740"/>
      <c r="I3" s="740"/>
      <c r="J3" s="740"/>
      <c r="K3" s="740"/>
      <c r="L3" s="740"/>
    </row>
    <row r="4" spans="1:12" s="45" customFormat="1" ht="10.5" x14ac:dyDescent="0.2">
      <c r="A4" s="740" t="s">
        <v>105</v>
      </c>
      <c r="B4" s="740"/>
      <c r="C4" s="740"/>
      <c r="D4" s="740"/>
      <c r="E4" s="740"/>
      <c r="F4" s="740"/>
      <c r="G4" s="740"/>
      <c r="H4" s="740"/>
      <c r="I4" s="740"/>
      <c r="J4" s="740"/>
      <c r="K4" s="740"/>
      <c r="L4" s="740"/>
    </row>
    <row r="5" spans="1:12" s="45" customFormat="1" ht="10.5" x14ac:dyDescent="0.2">
      <c r="A5" s="740" t="s">
        <v>168</v>
      </c>
      <c r="B5" s="740"/>
      <c r="C5" s="740"/>
      <c r="D5" s="740"/>
      <c r="E5" s="740"/>
      <c r="F5" s="740"/>
      <c r="G5" s="740"/>
      <c r="H5" s="740"/>
      <c r="I5" s="740"/>
      <c r="J5" s="740"/>
      <c r="K5" s="740"/>
      <c r="L5" s="740"/>
    </row>
    <row r="6" spans="1:12" s="45" customFormat="1" ht="10.5" x14ac:dyDescent="0.2">
      <c r="A6" s="740" t="s">
        <v>107</v>
      </c>
      <c r="B6" s="740"/>
      <c r="C6" s="740"/>
      <c r="D6" s="740"/>
      <c r="E6" s="740"/>
      <c r="F6" s="740"/>
      <c r="G6" s="740"/>
      <c r="H6" s="740"/>
      <c r="I6" s="740"/>
      <c r="J6" s="740"/>
      <c r="K6" s="740"/>
      <c r="L6" s="740"/>
    </row>
    <row r="7" spans="1:12" s="45" customFormat="1" ht="10.5" x14ac:dyDescent="0.2">
      <c r="A7" s="740" t="s">
        <v>902</v>
      </c>
      <c r="B7" s="740"/>
      <c r="C7" s="740"/>
      <c r="D7" s="740"/>
      <c r="E7" s="740"/>
      <c r="F7" s="740"/>
      <c r="G7" s="740"/>
      <c r="H7" s="740"/>
      <c r="I7" s="740"/>
      <c r="J7" s="740"/>
      <c r="K7" s="740"/>
      <c r="L7" s="740"/>
    </row>
    <row r="8" spans="1:12" s="26" customFormat="1" ht="10.5" x14ac:dyDescent="0.2">
      <c r="A8" s="46"/>
      <c r="B8" s="46"/>
      <c r="C8" s="46"/>
      <c r="D8" s="46"/>
      <c r="E8" s="46"/>
      <c r="F8" s="46"/>
      <c r="G8" s="46"/>
      <c r="H8" s="46"/>
      <c r="I8" s="46"/>
      <c r="J8" s="46"/>
      <c r="K8" s="46"/>
      <c r="L8" s="46"/>
    </row>
    <row r="9" spans="1:12" s="26" customFormat="1" ht="10.5" x14ac:dyDescent="0.2">
      <c r="A9" s="26" t="s">
        <v>734</v>
      </c>
      <c r="B9" s="112"/>
      <c r="L9" s="621">
        <v>1</v>
      </c>
    </row>
    <row r="10" spans="1:12" ht="20.100000000000001" customHeight="1" x14ac:dyDescent="0.2">
      <c r="A10" s="774" t="s">
        <v>733</v>
      </c>
      <c r="B10" s="184" t="s">
        <v>157</v>
      </c>
      <c r="C10" s="184" t="s">
        <v>157</v>
      </c>
      <c r="D10" s="749" t="s">
        <v>158</v>
      </c>
      <c r="E10" s="750"/>
      <c r="F10" s="751"/>
      <c r="G10" s="738" t="s">
        <v>161</v>
      </c>
      <c r="H10" s="772" t="s">
        <v>159</v>
      </c>
      <c r="I10" s="773"/>
      <c r="J10" s="774"/>
      <c r="K10" s="738" t="s">
        <v>161</v>
      </c>
      <c r="L10" s="718" t="s">
        <v>732</v>
      </c>
    </row>
    <row r="11" spans="1:12" ht="20.100000000000001" customHeight="1" x14ac:dyDescent="0.2">
      <c r="A11" s="777"/>
      <c r="B11" s="186" t="s">
        <v>111</v>
      </c>
      <c r="C11" s="186" t="s">
        <v>112</v>
      </c>
      <c r="D11" s="775" t="s">
        <v>113</v>
      </c>
      <c r="E11" s="184" t="s">
        <v>115</v>
      </c>
      <c r="F11" s="184" t="s">
        <v>114</v>
      </c>
      <c r="G11" s="739"/>
      <c r="H11" s="775" t="s">
        <v>113</v>
      </c>
      <c r="I11" s="184" t="s">
        <v>115</v>
      </c>
      <c r="J11" s="184" t="s">
        <v>114</v>
      </c>
      <c r="K11" s="739"/>
      <c r="L11" s="720"/>
    </row>
    <row r="12" spans="1:12" s="400" customFormat="1" ht="20.100000000000001" customHeight="1" x14ac:dyDescent="0.2">
      <c r="A12" s="778"/>
      <c r="B12" s="397"/>
      <c r="C12" s="398" t="s">
        <v>116</v>
      </c>
      <c r="D12" s="776"/>
      <c r="E12" s="398" t="s">
        <v>117</v>
      </c>
      <c r="F12" s="398" t="s">
        <v>59</v>
      </c>
      <c r="G12" s="399" t="s">
        <v>279</v>
      </c>
      <c r="H12" s="776"/>
      <c r="I12" s="398" t="s">
        <v>162</v>
      </c>
      <c r="J12" s="398" t="s">
        <v>542</v>
      </c>
      <c r="K12" s="399" t="s">
        <v>541</v>
      </c>
      <c r="L12" s="722"/>
    </row>
    <row r="13" spans="1:12" s="19" customFormat="1" ht="10.5" x14ac:dyDescent="0.2">
      <c r="A13" s="142"/>
      <c r="B13" s="24"/>
      <c r="C13" s="23"/>
      <c r="D13" s="23"/>
      <c r="E13" s="23"/>
      <c r="F13" s="23"/>
      <c r="G13" s="341"/>
      <c r="H13" s="341"/>
      <c r="I13" s="341"/>
      <c r="J13" s="201"/>
      <c r="K13" s="201"/>
      <c r="L13" s="291"/>
    </row>
    <row r="14" spans="1:12" s="185" customFormat="1" ht="10.5" x14ac:dyDescent="0.2">
      <c r="A14" s="142" t="s">
        <v>639</v>
      </c>
      <c r="B14" s="421">
        <v>46320000</v>
      </c>
      <c r="C14" s="421">
        <v>46320000</v>
      </c>
      <c r="D14" s="421">
        <v>2960413.81</v>
      </c>
      <c r="E14" s="421">
        <v>26022530.210000001</v>
      </c>
      <c r="F14" s="505">
        <v>2.9313245535050698</v>
      </c>
      <c r="G14" s="421">
        <v>20297469.789999999</v>
      </c>
      <c r="H14" s="421">
        <v>6025088.29</v>
      </c>
      <c r="I14" s="421">
        <v>11874308.690000001</v>
      </c>
      <c r="J14" s="505">
        <v>3.2806970710183987</v>
      </c>
      <c r="K14" s="506">
        <v>34445691.310000002</v>
      </c>
      <c r="L14" s="507">
        <v>0</v>
      </c>
    </row>
    <row r="15" spans="1:12" ht="10.5" x14ac:dyDescent="0.2">
      <c r="A15" s="189" t="s">
        <v>640</v>
      </c>
      <c r="B15" s="432">
        <v>26000000</v>
      </c>
      <c r="C15" s="432">
        <v>26000000</v>
      </c>
      <c r="D15" s="432">
        <v>2960413.81</v>
      </c>
      <c r="E15" s="432">
        <v>5857530.21</v>
      </c>
      <c r="F15" s="508">
        <v>0.6598252356287958</v>
      </c>
      <c r="G15" s="423">
        <v>20142469.789999999</v>
      </c>
      <c r="H15" s="432">
        <v>2960413.81</v>
      </c>
      <c r="I15" s="432">
        <v>5857530.21</v>
      </c>
      <c r="J15" s="508">
        <v>1.6183495565962742</v>
      </c>
      <c r="K15" s="500">
        <v>20142469.789999999</v>
      </c>
      <c r="L15" s="460">
        <v>0</v>
      </c>
    </row>
    <row r="16" spans="1:12" ht="10.5" x14ac:dyDescent="0.2">
      <c r="A16" s="189" t="s">
        <v>641</v>
      </c>
      <c r="B16" s="432">
        <v>20320000</v>
      </c>
      <c r="C16" s="432">
        <v>20320000</v>
      </c>
      <c r="D16" s="432">
        <v>0</v>
      </c>
      <c r="E16" s="432">
        <v>20165000</v>
      </c>
      <c r="F16" s="508">
        <v>2.2714993178762741</v>
      </c>
      <c r="G16" s="423">
        <v>155000</v>
      </c>
      <c r="H16" s="432">
        <v>3064674.48</v>
      </c>
      <c r="I16" s="432">
        <v>6016778.4800000004</v>
      </c>
      <c r="J16" s="508">
        <v>1.6623475144221245</v>
      </c>
      <c r="K16" s="500">
        <v>14303221.52</v>
      </c>
      <c r="L16" s="460">
        <v>0</v>
      </c>
    </row>
    <row r="17" spans="1:12" ht="10.5" x14ac:dyDescent="0.2">
      <c r="A17" s="189"/>
      <c r="B17" s="432"/>
      <c r="C17" s="432"/>
      <c r="D17" s="432"/>
      <c r="E17" s="432"/>
      <c r="F17" s="500"/>
      <c r="G17" s="423"/>
      <c r="H17" s="432"/>
      <c r="I17" s="432"/>
      <c r="J17" s="500"/>
      <c r="K17" s="460"/>
      <c r="L17" s="460"/>
    </row>
    <row r="18" spans="1:12" s="66" customFormat="1" ht="10.5" x14ac:dyDescent="0.2">
      <c r="A18" s="142" t="s">
        <v>642</v>
      </c>
      <c r="B18" s="421">
        <v>102300000</v>
      </c>
      <c r="C18" s="421">
        <v>90853000</v>
      </c>
      <c r="D18" s="421">
        <v>-9980000</v>
      </c>
      <c r="E18" s="421">
        <v>83076227.430000007</v>
      </c>
      <c r="F18" s="505">
        <v>9.3581747552184087</v>
      </c>
      <c r="G18" s="421">
        <v>7776772.5699999928</v>
      </c>
      <c r="H18" s="421">
        <v>15162740.279999999</v>
      </c>
      <c r="I18" s="421">
        <v>29516696.739999998</v>
      </c>
      <c r="J18" s="505">
        <v>8.1550297427088605</v>
      </c>
      <c r="K18" s="506">
        <v>61336303.260000005</v>
      </c>
      <c r="L18" s="318">
        <v>0</v>
      </c>
    </row>
    <row r="19" spans="1:12" ht="10.5" x14ac:dyDescent="0.2">
      <c r="A19" s="189" t="s">
        <v>643</v>
      </c>
      <c r="B19" s="423">
        <v>102300000</v>
      </c>
      <c r="C19" s="423">
        <v>90853000</v>
      </c>
      <c r="D19" s="423">
        <v>-9980000</v>
      </c>
      <c r="E19" s="423">
        <v>83076227.430000007</v>
      </c>
      <c r="F19" s="508">
        <v>9.3581747552184087</v>
      </c>
      <c r="G19" s="423">
        <v>7776772.5699999928</v>
      </c>
      <c r="H19" s="423">
        <v>15162740.279999999</v>
      </c>
      <c r="I19" s="423">
        <v>29516696.739999998</v>
      </c>
      <c r="J19" s="508">
        <v>8.1550297427088605</v>
      </c>
      <c r="K19" s="500">
        <v>61336303.260000005</v>
      </c>
      <c r="L19" s="460">
        <v>0</v>
      </c>
    </row>
    <row r="20" spans="1:12" ht="10.5" x14ac:dyDescent="0.2">
      <c r="A20" s="189"/>
      <c r="B20" s="423"/>
      <c r="C20" s="423"/>
      <c r="D20" s="423"/>
      <c r="E20" s="423"/>
      <c r="F20" s="500"/>
      <c r="G20" s="423"/>
      <c r="H20" s="423"/>
      <c r="I20" s="423"/>
      <c r="J20" s="500"/>
      <c r="K20" s="460"/>
      <c r="L20" s="460"/>
    </row>
    <row r="21" spans="1:12" s="66" customFormat="1" ht="10.5" x14ac:dyDescent="0.2">
      <c r="A21" s="160" t="s">
        <v>754</v>
      </c>
      <c r="B21" s="421">
        <v>74779700</v>
      </c>
      <c r="C21" s="421">
        <v>74749600</v>
      </c>
      <c r="D21" s="421">
        <v>2913893.2800000003</v>
      </c>
      <c r="E21" s="421">
        <v>25562507.380000003</v>
      </c>
      <c r="F21" s="505">
        <v>2.8795049876953742</v>
      </c>
      <c r="G21" s="421">
        <v>49187092.620000005</v>
      </c>
      <c r="H21" s="421">
        <v>9595229.2799999993</v>
      </c>
      <c r="I21" s="421">
        <v>19846201.890000001</v>
      </c>
      <c r="J21" s="505">
        <v>5.4832140641749483</v>
      </c>
      <c r="K21" s="506">
        <v>54903398.109999999</v>
      </c>
      <c r="L21" s="318">
        <v>0</v>
      </c>
    </row>
    <row r="22" spans="1:12" ht="10.5" x14ac:dyDescent="0.2">
      <c r="A22" s="189" t="s">
        <v>644</v>
      </c>
      <c r="B22" s="423">
        <v>37605600</v>
      </c>
      <c r="C22" s="423">
        <v>37575600</v>
      </c>
      <c r="D22" s="423">
        <v>1200.04</v>
      </c>
      <c r="E22" s="423">
        <v>10609529.4</v>
      </c>
      <c r="F22" s="508">
        <v>1.1951172226674076</v>
      </c>
      <c r="G22" s="423">
        <v>26966070.600000001</v>
      </c>
      <c r="H22" s="423">
        <v>5288535.87</v>
      </c>
      <c r="I22" s="423">
        <v>10565911.710000001</v>
      </c>
      <c r="J22" s="508">
        <v>2.9192062043012288</v>
      </c>
      <c r="K22" s="500">
        <v>27009688.289999999</v>
      </c>
      <c r="L22" s="460">
        <v>0</v>
      </c>
    </row>
    <row r="23" spans="1:12" ht="10.5" x14ac:dyDescent="0.2">
      <c r="A23" s="189" t="s">
        <v>645</v>
      </c>
      <c r="B23" s="423">
        <v>10788000</v>
      </c>
      <c r="C23" s="423">
        <v>10788000</v>
      </c>
      <c r="D23" s="423">
        <v>0</v>
      </c>
      <c r="E23" s="423">
        <v>8458027.4800000004</v>
      </c>
      <c r="F23" s="508">
        <v>0.95275991328533505</v>
      </c>
      <c r="G23" s="423">
        <v>2329972.5199999996</v>
      </c>
      <c r="H23" s="423">
        <v>1394000.18</v>
      </c>
      <c r="I23" s="423">
        <v>2785341.69</v>
      </c>
      <c r="J23" s="508">
        <v>0.7695489954597462</v>
      </c>
      <c r="K23" s="500">
        <v>8002658.3100000005</v>
      </c>
      <c r="L23" s="460">
        <v>0</v>
      </c>
    </row>
    <row r="24" spans="1:12" ht="10.5" x14ac:dyDescent="0.2">
      <c r="A24" s="189" t="s">
        <v>652</v>
      </c>
      <c r="B24" s="423">
        <v>15000</v>
      </c>
      <c r="C24" s="423">
        <v>15000</v>
      </c>
      <c r="D24" s="423">
        <v>0</v>
      </c>
      <c r="E24" s="423">
        <v>0</v>
      </c>
      <c r="F24" s="508">
        <v>0</v>
      </c>
      <c r="G24" s="423">
        <v>15000</v>
      </c>
      <c r="H24" s="423">
        <v>0</v>
      </c>
      <c r="I24" s="423">
        <v>0</v>
      </c>
      <c r="J24" s="508">
        <v>0</v>
      </c>
      <c r="K24" s="500">
        <v>15000</v>
      </c>
      <c r="L24" s="460">
        <v>0</v>
      </c>
    </row>
    <row r="25" spans="1:12" ht="10.5" x14ac:dyDescent="0.2">
      <c r="A25" s="189" t="s">
        <v>684</v>
      </c>
      <c r="B25" s="423">
        <v>26371100</v>
      </c>
      <c r="C25" s="423">
        <v>26371000</v>
      </c>
      <c r="D25" s="423">
        <v>2912693.24</v>
      </c>
      <c r="E25" s="423">
        <v>6494950.5</v>
      </c>
      <c r="F25" s="508">
        <v>0.73162785174263156</v>
      </c>
      <c r="G25" s="423">
        <v>19876049.5</v>
      </c>
      <c r="H25" s="423">
        <v>2912693.23</v>
      </c>
      <c r="I25" s="423">
        <v>6494948.4900000002</v>
      </c>
      <c r="J25" s="508">
        <v>1.794458864413973</v>
      </c>
      <c r="K25" s="500">
        <v>19876051.509999998</v>
      </c>
      <c r="L25" s="460">
        <v>0</v>
      </c>
    </row>
    <row r="26" spans="1:12" ht="10.5" x14ac:dyDescent="0.2">
      <c r="A26" s="189"/>
      <c r="B26" s="423"/>
      <c r="C26" s="423"/>
      <c r="D26" s="423"/>
      <c r="E26" s="423"/>
      <c r="F26" s="500"/>
      <c r="G26" s="423"/>
      <c r="H26" s="423"/>
      <c r="I26" s="423"/>
      <c r="J26" s="500"/>
      <c r="K26" s="460"/>
      <c r="L26" s="460"/>
    </row>
    <row r="27" spans="1:12" s="66" customFormat="1" ht="10.5" x14ac:dyDescent="0.2">
      <c r="A27" s="142" t="s">
        <v>646</v>
      </c>
      <c r="B27" s="421">
        <v>185668800</v>
      </c>
      <c r="C27" s="421">
        <v>134356597.93000001</v>
      </c>
      <c r="D27" s="421">
        <v>80099703.570000008</v>
      </c>
      <c r="E27" s="421">
        <v>119416346.67999999</v>
      </c>
      <c r="F27" s="505">
        <v>13.451730722881061</v>
      </c>
      <c r="G27" s="421">
        <v>14940251.250000002</v>
      </c>
      <c r="H27" s="421">
        <v>20010670.32</v>
      </c>
      <c r="I27" s="421">
        <v>54638457</v>
      </c>
      <c r="J27" s="505">
        <v>15.095803092589527</v>
      </c>
      <c r="K27" s="506">
        <v>79718140.930000007</v>
      </c>
      <c r="L27" s="318">
        <v>0</v>
      </c>
    </row>
    <row r="28" spans="1:12" ht="10.5" x14ac:dyDescent="0.2">
      <c r="A28" s="189" t="s">
        <v>648</v>
      </c>
      <c r="B28" s="423">
        <v>9752800</v>
      </c>
      <c r="C28" s="423">
        <v>16312877.93</v>
      </c>
      <c r="D28" s="423">
        <v>3721698.34</v>
      </c>
      <c r="E28" s="423">
        <v>10108074.130000001</v>
      </c>
      <c r="F28" s="508">
        <v>1.1386304731632935</v>
      </c>
      <c r="G28" s="423">
        <v>6204803.7999999989</v>
      </c>
      <c r="H28" s="423">
        <v>1687467.39</v>
      </c>
      <c r="I28" s="423">
        <v>3384986.75</v>
      </c>
      <c r="J28" s="508">
        <v>0.93522211743689199</v>
      </c>
      <c r="K28" s="500">
        <v>12927891.18</v>
      </c>
      <c r="L28" s="460">
        <v>0</v>
      </c>
    </row>
    <row r="29" spans="1:12" ht="10.5" x14ac:dyDescent="0.2">
      <c r="A29" s="189" t="s">
        <v>649</v>
      </c>
      <c r="B29" s="423">
        <v>175916000</v>
      </c>
      <c r="C29" s="423">
        <v>118043720</v>
      </c>
      <c r="D29" s="423">
        <v>76378005.230000004</v>
      </c>
      <c r="E29" s="423">
        <v>109308272.55</v>
      </c>
      <c r="F29" s="508">
        <v>12.313100249717769</v>
      </c>
      <c r="G29" s="423">
        <v>8735447.450000003</v>
      </c>
      <c r="H29" s="423">
        <v>18323202.93</v>
      </c>
      <c r="I29" s="423">
        <v>51253470.25</v>
      </c>
      <c r="J29" s="508">
        <v>14.160580975152634</v>
      </c>
      <c r="K29" s="500">
        <v>66790249.75</v>
      </c>
      <c r="L29" s="460">
        <v>0</v>
      </c>
    </row>
    <row r="30" spans="1:12" ht="10.5" x14ac:dyDescent="0.2">
      <c r="A30" s="189" t="s">
        <v>650</v>
      </c>
      <c r="B30" s="423">
        <v>0</v>
      </c>
      <c r="C30" s="423">
        <v>0</v>
      </c>
      <c r="D30" s="423">
        <v>0</v>
      </c>
      <c r="E30" s="423">
        <v>0</v>
      </c>
      <c r="F30" s="508">
        <v>0</v>
      </c>
      <c r="G30" s="423">
        <v>0</v>
      </c>
      <c r="H30" s="423">
        <v>0</v>
      </c>
      <c r="I30" s="423">
        <v>0</v>
      </c>
      <c r="J30" s="508">
        <v>0</v>
      </c>
      <c r="K30" s="500">
        <v>0</v>
      </c>
      <c r="L30" s="460">
        <v>0</v>
      </c>
    </row>
    <row r="31" spans="1:12" ht="10.5" x14ac:dyDescent="0.2">
      <c r="A31" s="189" t="s">
        <v>651</v>
      </c>
      <c r="B31" s="423">
        <v>0</v>
      </c>
      <c r="C31" s="423">
        <v>0</v>
      </c>
      <c r="D31" s="423">
        <v>0</v>
      </c>
      <c r="E31" s="423">
        <v>0</v>
      </c>
      <c r="F31" s="508">
        <v>0</v>
      </c>
      <c r="G31" s="423">
        <v>0</v>
      </c>
      <c r="H31" s="423">
        <v>0</v>
      </c>
      <c r="I31" s="423">
        <v>0</v>
      </c>
      <c r="J31" s="508">
        <v>0</v>
      </c>
      <c r="K31" s="500">
        <v>0</v>
      </c>
      <c r="L31" s="460">
        <v>0</v>
      </c>
    </row>
    <row r="32" spans="1:12" ht="10.5" x14ac:dyDescent="0.2">
      <c r="A32" s="189"/>
      <c r="B32" s="423"/>
      <c r="C32" s="423"/>
      <c r="D32" s="423"/>
      <c r="E32" s="423"/>
      <c r="F32" s="500"/>
      <c r="G32" s="423"/>
      <c r="H32" s="423"/>
      <c r="I32" s="423"/>
      <c r="J32" s="500"/>
      <c r="K32" s="460"/>
      <c r="L32" s="460"/>
    </row>
    <row r="33" spans="1:12" s="66" customFormat="1" ht="10.5" x14ac:dyDescent="0.2">
      <c r="A33" s="142" t="s">
        <v>655</v>
      </c>
      <c r="B33" s="421">
        <v>252376000</v>
      </c>
      <c r="C33" s="421">
        <v>389652285.67000002</v>
      </c>
      <c r="D33" s="421">
        <v>163207431.59</v>
      </c>
      <c r="E33" s="421">
        <v>232794945.63</v>
      </c>
      <c r="F33" s="505">
        <v>26.223335492367433</v>
      </c>
      <c r="G33" s="421">
        <v>156857340.04000002</v>
      </c>
      <c r="H33" s="421">
        <v>43376842.109999999</v>
      </c>
      <c r="I33" s="421">
        <v>98692703.319999993</v>
      </c>
      <c r="J33" s="505">
        <v>27.267344244257785</v>
      </c>
      <c r="K33" s="506">
        <v>290959582.35000002</v>
      </c>
      <c r="L33" s="318">
        <v>0</v>
      </c>
    </row>
    <row r="34" spans="1:12" ht="10.5" x14ac:dyDescent="0.2">
      <c r="A34" s="189" t="s">
        <v>656</v>
      </c>
      <c r="B34" s="423">
        <v>252376000</v>
      </c>
      <c r="C34" s="423">
        <v>389652285.67000002</v>
      </c>
      <c r="D34" s="423">
        <v>163207431.59</v>
      </c>
      <c r="E34" s="423">
        <v>232794945.63</v>
      </c>
      <c r="F34" s="508">
        <v>26.223335492367433</v>
      </c>
      <c r="G34" s="423">
        <v>156857340.04000002</v>
      </c>
      <c r="H34" s="423">
        <v>43376842.109999999</v>
      </c>
      <c r="I34" s="423">
        <v>98692703.319999993</v>
      </c>
      <c r="J34" s="508">
        <v>27.267344244257785</v>
      </c>
      <c r="K34" s="500">
        <v>290959582.35000002</v>
      </c>
      <c r="L34" s="460">
        <v>0</v>
      </c>
    </row>
    <row r="35" spans="1:12" ht="10.5" x14ac:dyDescent="0.2">
      <c r="A35" s="189"/>
      <c r="B35" s="423"/>
      <c r="C35" s="423"/>
      <c r="D35" s="423"/>
      <c r="E35" s="423"/>
      <c r="F35" s="500"/>
      <c r="G35" s="423"/>
      <c r="H35" s="423"/>
      <c r="I35" s="423"/>
      <c r="J35" s="500"/>
      <c r="K35" s="460"/>
      <c r="L35" s="460"/>
    </row>
    <row r="36" spans="1:12" s="66" customFormat="1" ht="10.5" x14ac:dyDescent="0.2">
      <c r="A36" s="142" t="s">
        <v>658</v>
      </c>
      <c r="B36" s="421">
        <v>5315500</v>
      </c>
      <c r="C36" s="421">
        <v>5315500</v>
      </c>
      <c r="D36" s="421">
        <v>844521.38</v>
      </c>
      <c r="E36" s="421">
        <v>1674968.93</v>
      </c>
      <c r="F36" s="505">
        <v>0.1886779460430921</v>
      </c>
      <c r="G36" s="421">
        <v>3640531.0700000003</v>
      </c>
      <c r="H36" s="421">
        <v>844521.38</v>
      </c>
      <c r="I36" s="421">
        <v>1674968.93</v>
      </c>
      <c r="J36" s="505">
        <v>0.46276931197902182</v>
      </c>
      <c r="K36" s="506">
        <v>3640531.0700000003</v>
      </c>
      <c r="L36" s="318">
        <v>0</v>
      </c>
    </row>
    <row r="37" spans="1:12" ht="10.5" x14ac:dyDescent="0.2">
      <c r="A37" s="189" t="s">
        <v>659</v>
      </c>
      <c r="B37" s="423">
        <v>5315500</v>
      </c>
      <c r="C37" s="423">
        <v>5315500</v>
      </c>
      <c r="D37" s="423">
        <v>844521.38</v>
      </c>
      <c r="E37" s="423">
        <v>1674968.93</v>
      </c>
      <c r="F37" s="508">
        <v>0.1886779460430921</v>
      </c>
      <c r="G37" s="423">
        <v>3640531.0700000003</v>
      </c>
      <c r="H37" s="423">
        <v>844521.38</v>
      </c>
      <c r="I37" s="423">
        <v>1674968.93</v>
      </c>
      <c r="J37" s="508">
        <v>0.46276931197902182</v>
      </c>
      <c r="K37" s="500">
        <v>3640531.0700000003</v>
      </c>
      <c r="L37" s="460">
        <v>0</v>
      </c>
    </row>
    <row r="38" spans="1:12" ht="10.5" x14ac:dyDescent="0.2">
      <c r="A38" s="189"/>
      <c r="B38" s="423"/>
      <c r="C38" s="423"/>
      <c r="D38" s="423"/>
      <c r="E38" s="423"/>
      <c r="F38" s="500"/>
      <c r="G38" s="423"/>
      <c r="H38" s="423"/>
      <c r="I38" s="423"/>
      <c r="J38" s="500"/>
      <c r="K38" s="460"/>
      <c r="L38" s="460"/>
    </row>
    <row r="39" spans="1:12" s="66" customFormat="1" ht="10.5" x14ac:dyDescent="0.2">
      <c r="A39" s="142" t="s">
        <v>660</v>
      </c>
      <c r="B39" s="421">
        <v>0</v>
      </c>
      <c r="C39" s="421">
        <v>10000</v>
      </c>
      <c r="D39" s="421">
        <v>10000</v>
      </c>
      <c r="E39" s="421">
        <v>10000</v>
      </c>
      <c r="F39" s="505">
        <v>1.1264563936901929E-3</v>
      </c>
      <c r="G39" s="421">
        <v>0</v>
      </c>
      <c r="H39" s="421">
        <v>2141.4899999999998</v>
      </c>
      <c r="I39" s="421">
        <v>2141.4899999999998</v>
      </c>
      <c r="J39" s="505">
        <v>5.9166223095849036E-4</v>
      </c>
      <c r="K39" s="506">
        <v>7858.51</v>
      </c>
      <c r="L39" s="318">
        <v>0</v>
      </c>
    </row>
    <row r="40" spans="1:12" ht="10.5" x14ac:dyDescent="0.2">
      <c r="A40" s="189" t="s">
        <v>661</v>
      </c>
      <c r="B40" s="423">
        <v>0</v>
      </c>
      <c r="C40" s="423">
        <v>10000</v>
      </c>
      <c r="D40" s="423">
        <v>10000</v>
      </c>
      <c r="E40" s="423">
        <v>10000</v>
      </c>
      <c r="F40" s="508">
        <v>1.1264563936901929E-3</v>
      </c>
      <c r="G40" s="423">
        <v>0</v>
      </c>
      <c r="H40" s="423">
        <v>2141.4899999999998</v>
      </c>
      <c r="I40" s="423">
        <v>2141.4899999999998</v>
      </c>
      <c r="J40" s="508">
        <v>5.9166223095849036E-4</v>
      </c>
      <c r="K40" s="500">
        <v>7858.51</v>
      </c>
      <c r="L40" s="460">
        <v>0</v>
      </c>
    </row>
    <row r="41" spans="1:12" ht="10.5" x14ac:dyDescent="0.2">
      <c r="A41" s="189"/>
      <c r="B41" s="423"/>
      <c r="C41" s="423"/>
      <c r="D41" s="423"/>
      <c r="E41" s="423"/>
      <c r="F41" s="500"/>
      <c r="G41" s="423"/>
      <c r="H41" s="423"/>
      <c r="I41" s="423"/>
      <c r="J41" s="500"/>
      <c r="K41" s="460"/>
      <c r="L41" s="460"/>
    </row>
    <row r="42" spans="1:12" s="66" customFormat="1" ht="10.5" x14ac:dyDescent="0.2">
      <c r="A42" s="142" t="s">
        <v>662</v>
      </c>
      <c r="B42" s="421">
        <v>22005000</v>
      </c>
      <c r="C42" s="421">
        <v>39709200.840000004</v>
      </c>
      <c r="D42" s="421">
        <v>23607338.289999999</v>
      </c>
      <c r="E42" s="421">
        <v>31645938.41</v>
      </c>
      <c r="F42" s="505">
        <v>3.5647769656270554</v>
      </c>
      <c r="G42" s="421">
        <v>8063262.4299999997</v>
      </c>
      <c r="H42" s="421">
        <v>8310837.2300000004</v>
      </c>
      <c r="I42" s="421">
        <v>16321967.809999999</v>
      </c>
      <c r="J42" s="505">
        <v>4.5095199548432472</v>
      </c>
      <c r="K42" s="506">
        <v>23387233.030000001</v>
      </c>
      <c r="L42" s="318">
        <v>0</v>
      </c>
    </row>
    <row r="43" spans="1:12" ht="10.5" x14ac:dyDescent="0.2">
      <c r="A43" s="189" t="s">
        <v>648</v>
      </c>
      <c r="B43" s="423">
        <v>0</v>
      </c>
      <c r="C43" s="423">
        <v>19492500</v>
      </c>
      <c r="D43" s="423">
        <v>8090466.6699999999</v>
      </c>
      <c r="E43" s="423">
        <v>12338592.84</v>
      </c>
      <c r="F43" s="508">
        <v>1.3898886793758034</v>
      </c>
      <c r="G43" s="423">
        <v>7153907.1600000001</v>
      </c>
      <c r="H43" s="423">
        <v>4270923.95</v>
      </c>
      <c r="I43" s="423">
        <v>8492499.6199999992</v>
      </c>
      <c r="J43" s="508">
        <v>2.3463528998890171</v>
      </c>
      <c r="K43" s="500">
        <v>11000000.380000001</v>
      </c>
      <c r="L43" s="460">
        <v>0</v>
      </c>
    </row>
    <row r="44" spans="1:12" ht="10.5" x14ac:dyDescent="0.2">
      <c r="A44" s="189" t="s">
        <v>652</v>
      </c>
      <c r="B44" s="423">
        <v>0</v>
      </c>
      <c r="C44" s="423">
        <v>0</v>
      </c>
      <c r="D44" s="423">
        <v>0</v>
      </c>
      <c r="E44" s="423">
        <v>0</v>
      </c>
      <c r="F44" s="508">
        <v>0</v>
      </c>
      <c r="G44" s="423">
        <v>0</v>
      </c>
      <c r="H44" s="423">
        <v>0</v>
      </c>
      <c r="I44" s="423">
        <v>0</v>
      </c>
      <c r="J44" s="508">
        <v>0</v>
      </c>
      <c r="K44" s="500">
        <v>0</v>
      </c>
      <c r="L44" s="460">
        <v>0</v>
      </c>
    </row>
    <row r="45" spans="1:12" ht="10.5" x14ac:dyDescent="0.2">
      <c r="A45" s="189" t="s">
        <v>665</v>
      </c>
      <c r="B45" s="423">
        <v>22000000</v>
      </c>
      <c r="C45" s="423">
        <v>20211700.84</v>
      </c>
      <c r="D45" s="423">
        <v>15516871.619999999</v>
      </c>
      <c r="E45" s="423">
        <v>19307345.57</v>
      </c>
      <c r="F45" s="508">
        <v>2.1748882862512522</v>
      </c>
      <c r="G45" s="423">
        <v>904355.26999999955</v>
      </c>
      <c r="H45" s="423">
        <v>4039913.28</v>
      </c>
      <c r="I45" s="423">
        <v>7829468.1900000004</v>
      </c>
      <c r="J45" s="508">
        <v>2.1631670549542301</v>
      </c>
      <c r="K45" s="500">
        <v>12382232.649999999</v>
      </c>
      <c r="L45" s="460">
        <v>0</v>
      </c>
    </row>
    <row r="46" spans="1:12" ht="10.5" x14ac:dyDescent="0.2">
      <c r="A46" s="189" t="s">
        <v>755</v>
      </c>
      <c r="B46" s="423">
        <v>5000</v>
      </c>
      <c r="C46" s="423">
        <v>5000</v>
      </c>
      <c r="D46" s="423">
        <v>0</v>
      </c>
      <c r="E46" s="423">
        <v>0</v>
      </c>
      <c r="F46" s="508">
        <v>0</v>
      </c>
      <c r="G46" s="423">
        <v>5000</v>
      </c>
      <c r="H46" s="423">
        <v>0</v>
      </c>
      <c r="I46" s="423">
        <v>0</v>
      </c>
      <c r="J46" s="508">
        <v>0</v>
      </c>
      <c r="K46" s="500">
        <v>5000</v>
      </c>
      <c r="L46" s="460">
        <v>0</v>
      </c>
    </row>
    <row r="47" spans="1:12" ht="10.5" x14ac:dyDescent="0.2">
      <c r="A47" s="189" t="s">
        <v>667</v>
      </c>
      <c r="B47" s="423">
        <v>0</v>
      </c>
      <c r="C47" s="423">
        <v>0</v>
      </c>
      <c r="D47" s="423">
        <v>0</v>
      </c>
      <c r="E47" s="423">
        <v>0</v>
      </c>
      <c r="F47" s="508">
        <v>0</v>
      </c>
      <c r="G47" s="423">
        <v>0</v>
      </c>
      <c r="H47" s="423">
        <v>0</v>
      </c>
      <c r="I47" s="423">
        <v>0</v>
      </c>
      <c r="J47" s="508">
        <v>0</v>
      </c>
      <c r="K47" s="500">
        <v>0</v>
      </c>
      <c r="L47" s="460">
        <v>0</v>
      </c>
    </row>
    <row r="48" spans="1:12" s="264" customFormat="1" ht="10.5" x14ac:dyDescent="0.2">
      <c r="A48" s="189" t="s">
        <v>799</v>
      </c>
      <c r="B48" s="423">
        <v>0</v>
      </c>
      <c r="C48" s="423">
        <v>0</v>
      </c>
      <c r="D48" s="423">
        <v>0</v>
      </c>
      <c r="E48" s="423">
        <v>0</v>
      </c>
      <c r="F48" s="508">
        <v>0</v>
      </c>
      <c r="G48" s="423">
        <v>0</v>
      </c>
      <c r="H48" s="423">
        <v>0</v>
      </c>
      <c r="I48" s="423">
        <v>0</v>
      </c>
      <c r="J48" s="509">
        <v>0</v>
      </c>
      <c r="K48" s="500">
        <v>0</v>
      </c>
      <c r="L48" s="460">
        <v>0</v>
      </c>
    </row>
    <row r="49" spans="1:12" ht="12.75" x14ac:dyDescent="0.2">
      <c r="A49" s="189"/>
      <c r="B49" s="423"/>
      <c r="C49" s="423"/>
      <c r="D49" s="423"/>
      <c r="E49" s="423"/>
      <c r="F49" s="348"/>
      <c r="G49" s="423"/>
      <c r="H49" s="423"/>
      <c r="I49" s="423"/>
      <c r="J49" s="348"/>
      <c r="K49" s="500"/>
      <c r="L49" s="460"/>
    </row>
    <row r="50" spans="1:12" s="66" customFormat="1" ht="10.5" x14ac:dyDescent="0.2">
      <c r="A50" s="142" t="s">
        <v>663</v>
      </c>
      <c r="B50" s="421">
        <v>797000</v>
      </c>
      <c r="C50" s="421">
        <v>797000</v>
      </c>
      <c r="D50" s="421">
        <v>552823.98</v>
      </c>
      <c r="E50" s="421">
        <v>713491.44</v>
      </c>
      <c r="F50" s="505">
        <v>8.0371699443122252E-2</v>
      </c>
      <c r="G50" s="421">
        <v>83508.560000000056</v>
      </c>
      <c r="H50" s="421">
        <v>212377.09</v>
      </c>
      <c r="I50" s="421">
        <v>373044.55</v>
      </c>
      <c r="J50" s="505">
        <v>0.10306672956675311</v>
      </c>
      <c r="K50" s="506">
        <v>423955.45</v>
      </c>
      <c r="L50" s="318">
        <v>0</v>
      </c>
    </row>
    <row r="51" spans="1:12" ht="10.5" x14ac:dyDescent="0.2">
      <c r="A51" s="189" t="s">
        <v>749</v>
      </c>
      <c r="B51" s="423">
        <v>797000</v>
      </c>
      <c r="C51" s="423">
        <v>797000</v>
      </c>
      <c r="D51" s="423">
        <v>552823.98</v>
      </c>
      <c r="E51" s="423">
        <v>713491.44</v>
      </c>
      <c r="F51" s="508">
        <v>8.0371699443122252E-2</v>
      </c>
      <c r="G51" s="423">
        <v>83508.560000000056</v>
      </c>
      <c r="H51" s="423">
        <v>212377.09</v>
      </c>
      <c r="I51" s="423">
        <v>373044.55</v>
      </c>
      <c r="J51" s="508">
        <v>0.10306672956675311</v>
      </c>
      <c r="K51" s="500">
        <v>423955.45</v>
      </c>
      <c r="L51" s="460">
        <v>0</v>
      </c>
    </row>
    <row r="52" spans="1:12" ht="10.5" x14ac:dyDescent="0.2">
      <c r="A52" s="189"/>
      <c r="B52" s="423"/>
      <c r="C52" s="423"/>
      <c r="D52" s="423"/>
      <c r="E52" s="423"/>
      <c r="F52" s="500"/>
      <c r="G52" s="423"/>
      <c r="H52" s="423"/>
      <c r="I52" s="423"/>
      <c r="J52" s="500"/>
      <c r="K52" s="460"/>
      <c r="L52" s="460"/>
    </row>
    <row r="53" spans="1:12" s="66" customFormat="1" ht="10.5" x14ac:dyDescent="0.2">
      <c r="A53" s="142" t="s">
        <v>679</v>
      </c>
      <c r="B53" s="421">
        <v>220126800</v>
      </c>
      <c r="C53" s="421">
        <v>304387107.41000003</v>
      </c>
      <c r="D53" s="421">
        <v>236712982.86000001</v>
      </c>
      <c r="E53" s="421">
        <v>289023107.5</v>
      </c>
      <c r="F53" s="505">
        <v>32.557192736758296</v>
      </c>
      <c r="G53" s="421">
        <v>15363999.910000026</v>
      </c>
      <c r="H53" s="421">
        <v>50690125.380000003</v>
      </c>
      <c r="I53" s="421">
        <v>97113870.450000003</v>
      </c>
      <c r="J53" s="505">
        <v>26.831135913527881</v>
      </c>
      <c r="K53" s="506">
        <v>207273236.96000004</v>
      </c>
      <c r="L53" s="318">
        <v>0</v>
      </c>
    </row>
    <row r="54" spans="1:12" ht="10.5" x14ac:dyDescent="0.2">
      <c r="A54" s="188" t="s">
        <v>648</v>
      </c>
      <c r="B54" s="423">
        <v>220126800</v>
      </c>
      <c r="C54" s="423">
        <v>304387107.41000003</v>
      </c>
      <c r="D54" s="423">
        <v>236712982.86000001</v>
      </c>
      <c r="E54" s="423">
        <v>289023107.5</v>
      </c>
      <c r="F54" s="508">
        <v>32.557192736758296</v>
      </c>
      <c r="G54" s="423">
        <v>15363999.910000026</v>
      </c>
      <c r="H54" s="423">
        <v>50690125.380000003</v>
      </c>
      <c r="I54" s="423">
        <v>97113870.450000003</v>
      </c>
      <c r="J54" s="508">
        <v>26.831135913527881</v>
      </c>
      <c r="K54" s="500">
        <v>207273236.96000004</v>
      </c>
      <c r="L54" s="460">
        <v>0</v>
      </c>
    </row>
    <row r="55" spans="1:12" ht="10.5" x14ac:dyDescent="0.2">
      <c r="A55" s="189" t="s">
        <v>672</v>
      </c>
      <c r="B55" s="423">
        <v>0</v>
      </c>
      <c r="C55" s="423">
        <v>0</v>
      </c>
      <c r="D55" s="423">
        <v>0</v>
      </c>
      <c r="E55" s="423">
        <v>0</v>
      </c>
      <c r="F55" s="508">
        <v>0</v>
      </c>
      <c r="G55" s="423">
        <v>0</v>
      </c>
      <c r="H55" s="423">
        <v>0</v>
      </c>
      <c r="I55" s="423">
        <v>0</v>
      </c>
      <c r="J55" s="508">
        <v>0</v>
      </c>
      <c r="K55" s="500">
        <v>0</v>
      </c>
      <c r="L55" s="460">
        <v>0</v>
      </c>
    </row>
    <row r="56" spans="1:12" ht="10.5" x14ac:dyDescent="0.2">
      <c r="A56" s="189" t="s">
        <v>747</v>
      </c>
      <c r="B56" s="423">
        <v>0</v>
      </c>
      <c r="C56" s="423">
        <v>0</v>
      </c>
      <c r="D56" s="423">
        <v>0</v>
      </c>
      <c r="E56" s="423">
        <v>0</v>
      </c>
      <c r="F56" s="508">
        <v>0</v>
      </c>
      <c r="G56" s="423">
        <v>0</v>
      </c>
      <c r="H56" s="423">
        <v>0</v>
      </c>
      <c r="I56" s="423">
        <v>0</v>
      </c>
      <c r="J56" s="508">
        <v>0</v>
      </c>
      <c r="K56" s="500">
        <v>0</v>
      </c>
      <c r="L56" s="460">
        <v>0</v>
      </c>
    </row>
    <row r="57" spans="1:12" ht="10.5" x14ac:dyDescent="0.2">
      <c r="A57" s="411" t="s">
        <v>677</v>
      </c>
      <c r="B57" s="423">
        <v>0</v>
      </c>
      <c r="C57" s="423">
        <v>0</v>
      </c>
      <c r="D57" s="423">
        <v>0</v>
      </c>
      <c r="E57" s="423">
        <v>0</v>
      </c>
      <c r="F57" s="319">
        <v>0</v>
      </c>
      <c r="G57" s="423">
        <v>0</v>
      </c>
      <c r="H57" s="423">
        <v>0</v>
      </c>
      <c r="I57" s="423">
        <v>0</v>
      </c>
      <c r="J57" s="319">
        <v>0</v>
      </c>
      <c r="K57" s="500">
        <v>0</v>
      </c>
      <c r="L57" s="460">
        <v>0</v>
      </c>
    </row>
    <row r="58" spans="1:12" s="264" customFormat="1" ht="10.5" x14ac:dyDescent="0.2">
      <c r="A58" s="411"/>
      <c r="B58" s="423"/>
      <c r="C58" s="423"/>
      <c r="D58" s="423"/>
      <c r="E58" s="423"/>
      <c r="F58" s="500"/>
      <c r="G58" s="423"/>
      <c r="H58" s="423"/>
      <c r="I58" s="423"/>
      <c r="J58" s="500"/>
      <c r="K58" s="460"/>
      <c r="L58" s="460"/>
    </row>
    <row r="59" spans="1:12" s="66" customFormat="1" ht="10.5" x14ac:dyDescent="0.2">
      <c r="A59" s="142" t="s">
        <v>680</v>
      </c>
      <c r="B59" s="421">
        <v>1081000</v>
      </c>
      <c r="C59" s="421">
        <v>1415000</v>
      </c>
      <c r="D59" s="421">
        <v>20700</v>
      </c>
      <c r="E59" s="421">
        <v>986689.5</v>
      </c>
      <c r="F59" s="505">
        <v>0.11114626958619794</v>
      </c>
      <c r="G59" s="421">
        <v>428310.5</v>
      </c>
      <c r="H59" s="421">
        <v>166955.51999999999</v>
      </c>
      <c r="I59" s="421">
        <v>333443.90999999997</v>
      </c>
      <c r="J59" s="505">
        <v>9.2125654422912109E-2</v>
      </c>
      <c r="K59" s="506">
        <v>1081556.0900000001</v>
      </c>
      <c r="L59" s="318">
        <v>0</v>
      </c>
    </row>
    <row r="60" spans="1:12" ht="10.5" x14ac:dyDescent="0.2">
      <c r="A60" s="189" t="s">
        <v>681</v>
      </c>
      <c r="B60" s="423">
        <v>1081000</v>
      </c>
      <c r="C60" s="423">
        <v>1415000</v>
      </c>
      <c r="D60" s="423">
        <v>20700</v>
      </c>
      <c r="E60" s="423">
        <v>986689.5</v>
      </c>
      <c r="F60" s="508">
        <v>0.11114626958619794</v>
      </c>
      <c r="G60" s="423">
        <v>428310.5</v>
      </c>
      <c r="H60" s="423">
        <v>166955.51999999999</v>
      </c>
      <c r="I60" s="423">
        <v>333443.90999999997</v>
      </c>
      <c r="J60" s="508">
        <v>9.2125654422912109E-2</v>
      </c>
      <c r="K60" s="500">
        <v>1081556.0900000001</v>
      </c>
      <c r="L60" s="460">
        <v>0</v>
      </c>
    </row>
    <row r="61" spans="1:12" ht="10.5" x14ac:dyDescent="0.2">
      <c r="A61" s="189"/>
      <c r="B61" s="423"/>
      <c r="C61" s="423"/>
      <c r="D61" s="423"/>
      <c r="E61" s="423"/>
      <c r="F61" s="500"/>
      <c r="G61" s="423"/>
      <c r="H61" s="423"/>
      <c r="I61" s="423"/>
      <c r="J61" s="500"/>
      <c r="K61" s="460"/>
      <c r="L61" s="460"/>
    </row>
    <row r="62" spans="1:12" s="66" customFormat="1" ht="10.5" x14ac:dyDescent="0.2">
      <c r="A62" s="142" t="s">
        <v>682</v>
      </c>
      <c r="B62" s="421">
        <v>7917500</v>
      </c>
      <c r="C62" s="421">
        <v>11827475</v>
      </c>
      <c r="D62" s="421">
        <v>3357047.94</v>
      </c>
      <c r="E62" s="421">
        <v>9003957.4100000001</v>
      </c>
      <c r="F62" s="505">
        <v>1.0142565393008689</v>
      </c>
      <c r="G62" s="421">
        <v>2823517.59</v>
      </c>
      <c r="H62" s="421">
        <v>3433448.58</v>
      </c>
      <c r="I62" s="421">
        <v>8182274.2599999998</v>
      </c>
      <c r="J62" s="505">
        <v>2.2606421897771325</v>
      </c>
      <c r="K62" s="506">
        <v>3645200.74</v>
      </c>
      <c r="L62" s="318">
        <v>0</v>
      </c>
    </row>
    <row r="63" spans="1:12" ht="10.5" x14ac:dyDescent="0.2">
      <c r="A63" s="189" t="s">
        <v>653</v>
      </c>
      <c r="B63" s="423">
        <v>408500</v>
      </c>
      <c r="C63" s="423">
        <v>426500</v>
      </c>
      <c r="D63" s="423">
        <v>0</v>
      </c>
      <c r="E63" s="423">
        <v>346500</v>
      </c>
      <c r="F63" s="508">
        <v>3.9031714041365184E-2</v>
      </c>
      <c r="G63" s="423">
        <v>80000</v>
      </c>
      <c r="H63" s="423">
        <v>62955.08</v>
      </c>
      <c r="I63" s="423">
        <v>125652.5</v>
      </c>
      <c r="J63" s="508">
        <v>3.4715940058329349E-2</v>
      </c>
      <c r="K63" s="500">
        <v>300847.5</v>
      </c>
      <c r="L63" s="460">
        <v>0</v>
      </c>
    </row>
    <row r="64" spans="1:12" ht="10.5" x14ac:dyDescent="0.2">
      <c r="A64" s="45" t="s">
        <v>683</v>
      </c>
      <c r="B64" s="423">
        <v>7509000</v>
      </c>
      <c r="C64" s="423">
        <v>11400975</v>
      </c>
      <c r="D64" s="423">
        <v>3357047.94</v>
      </c>
      <c r="E64" s="423">
        <v>8657457.4100000001</v>
      </c>
      <c r="F64" s="508">
        <v>0.97522482525950371</v>
      </c>
      <c r="G64" s="423">
        <v>2743517.59</v>
      </c>
      <c r="H64" s="423">
        <v>3370493.5</v>
      </c>
      <c r="I64" s="423">
        <v>8056621.7599999998</v>
      </c>
      <c r="J64" s="508">
        <v>2.2259262497188028</v>
      </c>
      <c r="K64" s="500">
        <v>3344353.24</v>
      </c>
      <c r="L64" s="460">
        <v>0</v>
      </c>
    </row>
    <row r="65" spans="1:12" ht="10.5" x14ac:dyDescent="0.2">
      <c r="A65" s="189" t="s">
        <v>684</v>
      </c>
      <c r="B65" s="423">
        <v>0</v>
      </c>
      <c r="C65" s="423">
        <v>0</v>
      </c>
      <c r="D65" s="423">
        <v>0</v>
      </c>
      <c r="E65" s="423">
        <v>0</v>
      </c>
      <c r="F65" s="508">
        <v>0</v>
      </c>
      <c r="G65" s="423">
        <v>0</v>
      </c>
      <c r="H65" s="423">
        <v>0</v>
      </c>
      <c r="I65" s="423">
        <v>0</v>
      </c>
      <c r="J65" s="508">
        <v>0</v>
      </c>
      <c r="K65" s="500">
        <v>0</v>
      </c>
      <c r="L65" s="460">
        <v>0</v>
      </c>
    </row>
    <row r="66" spans="1:12" ht="10.5" x14ac:dyDescent="0.2">
      <c r="A66" s="189"/>
      <c r="B66" s="423"/>
      <c r="C66" s="423"/>
      <c r="D66" s="423"/>
      <c r="E66" s="423"/>
      <c r="F66" s="500"/>
      <c r="G66" s="423"/>
      <c r="H66" s="423"/>
      <c r="I66" s="423"/>
      <c r="J66" s="500"/>
      <c r="K66" s="460"/>
      <c r="L66" s="460"/>
    </row>
    <row r="67" spans="1:12" s="66" customFormat="1" ht="10.5" x14ac:dyDescent="0.2">
      <c r="A67" s="142" t="s">
        <v>689</v>
      </c>
      <c r="B67" s="421">
        <v>593500</v>
      </c>
      <c r="C67" s="421">
        <v>633500</v>
      </c>
      <c r="D67" s="421">
        <v>7320.68</v>
      </c>
      <c r="E67" s="421">
        <v>525820.68000000005</v>
      </c>
      <c r="F67" s="505">
        <v>5.9231406692052492E-2</v>
      </c>
      <c r="G67" s="421">
        <v>107679.31999999995</v>
      </c>
      <c r="H67" s="421">
        <v>129887.34</v>
      </c>
      <c r="I67" s="421">
        <v>264915.15000000002</v>
      </c>
      <c r="J67" s="505">
        <v>7.3192164644104399E-2</v>
      </c>
      <c r="K67" s="506">
        <v>368584.85</v>
      </c>
      <c r="L67" s="318">
        <v>0</v>
      </c>
    </row>
    <row r="68" spans="1:12" ht="10.5" x14ac:dyDescent="0.2">
      <c r="A68" s="189" t="s">
        <v>648</v>
      </c>
      <c r="B68" s="423">
        <v>593500</v>
      </c>
      <c r="C68" s="423">
        <v>633500</v>
      </c>
      <c r="D68" s="423">
        <v>7320.68</v>
      </c>
      <c r="E68" s="423">
        <v>525820.68000000005</v>
      </c>
      <c r="F68" s="508">
        <v>5.9231406692052492E-2</v>
      </c>
      <c r="G68" s="423">
        <v>107679.31999999995</v>
      </c>
      <c r="H68" s="423">
        <v>129887.34</v>
      </c>
      <c r="I68" s="423">
        <v>264915.15000000002</v>
      </c>
      <c r="J68" s="508">
        <v>7.3192164644104399E-2</v>
      </c>
      <c r="K68" s="500">
        <v>368584.85</v>
      </c>
      <c r="L68" s="460">
        <v>0</v>
      </c>
    </row>
    <row r="69" spans="1:12" ht="10.5" x14ac:dyDescent="0.2">
      <c r="A69" s="189" t="s">
        <v>690</v>
      </c>
      <c r="B69" s="423">
        <v>0</v>
      </c>
      <c r="C69" s="423">
        <v>0</v>
      </c>
      <c r="D69" s="423">
        <v>0</v>
      </c>
      <c r="E69" s="423">
        <v>0</v>
      </c>
      <c r="F69" s="508">
        <v>0</v>
      </c>
      <c r="G69" s="423">
        <v>0</v>
      </c>
      <c r="H69" s="423">
        <v>0</v>
      </c>
      <c r="I69" s="423">
        <v>0</v>
      </c>
      <c r="J69" s="508">
        <v>0</v>
      </c>
      <c r="K69" s="500">
        <v>0</v>
      </c>
      <c r="L69" s="460">
        <v>0</v>
      </c>
    </row>
    <row r="70" spans="1:12" ht="10.5" x14ac:dyDescent="0.2">
      <c r="A70" s="189"/>
      <c r="B70" s="423"/>
      <c r="C70" s="423"/>
      <c r="D70" s="423"/>
      <c r="E70" s="423"/>
      <c r="F70" s="500"/>
      <c r="G70" s="423"/>
      <c r="H70" s="423"/>
      <c r="I70" s="423"/>
      <c r="J70" s="500"/>
      <c r="K70" s="460"/>
      <c r="L70" s="460"/>
    </row>
    <row r="71" spans="1:12" s="66" customFormat="1" ht="10.5" x14ac:dyDescent="0.2">
      <c r="A71" s="142" t="s">
        <v>693</v>
      </c>
      <c r="B71" s="421">
        <v>6387700</v>
      </c>
      <c r="C71" s="421">
        <v>6647190.4100000001</v>
      </c>
      <c r="D71" s="421">
        <v>612024.11</v>
      </c>
      <c r="E71" s="421">
        <v>1307294.96</v>
      </c>
      <c r="F71" s="505">
        <v>0.14726107661309648</v>
      </c>
      <c r="G71" s="421">
        <v>5339895.45</v>
      </c>
      <c r="H71" s="421">
        <v>616681.98</v>
      </c>
      <c r="I71" s="421">
        <v>1224009.97</v>
      </c>
      <c r="J71" s="505">
        <v>0.3381759754029367</v>
      </c>
      <c r="K71" s="506">
        <v>5423180.4400000004</v>
      </c>
      <c r="L71" s="318">
        <v>0</v>
      </c>
    </row>
    <row r="72" spans="1:12" ht="10.5" x14ac:dyDescent="0.2">
      <c r="A72" s="410" t="s">
        <v>648</v>
      </c>
      <c r="B72" s="423">
        <v>6387700</v>
      </c>
      <c r="C72" s="423">
        <v>6647190.4100000001</v>
      </c>
      <c r="D72" s="423">
        <v>612024.11</v>
      </c>
      <c r="E72" s="423">
        <v>1307294.96</v>
      </c>
      <c r="F72" s="508">
        <v>0.14726107661309648</v>
      </c>
      <c r="G72" s="423">
        <v>5339895.45</v>
      </c>
      <c r="H72" s="423">
        <v>616681.98</v>
      </c>
      <c r="I72" s="423">
        <v>1224009.97</v>
      </c>
      <c r="J72" s="508">
        <v>0.3381759754029367</v>
      </c>
      <c r="K72" s="500">
        <v>5423180.4400000004</v>
      </c>
      <c r="L72" s="460">
        <v>0</v>
      </c>
    </row>
    <row r="73" spans="1:12" ht="10.5" x14ac:dyDescent="0.2">
      <c r="A73" s="189"/>
      <c r="B73" s="423"/>
      <c r="C73" s="423"/>
      <c r="D73" s="423"/>
      <c r="E73" s="423"/>
      <c r="F73" s="500"/>
      <c r="G73" s="423"/>
      <c r="H73" s="423"/>
      <c r="I73" s="423"/>
      <c r="J73" s="500"/>
      <c r="K73" s="460"/>
      <c r="L73" s="460"/>
    </row>
    <row r="74" spans="1:12" s="66" customFormat="1" ht="10.5" x14ac:dyDescent="0.2">
      <c r="A74" s="142" t="s">
        <v>699</v>
      </c>
      <c r="B74" s="421">
        <v>0</v>
      </c>
      <c r="C74" s="421">
        <v>0</v>
      </c>
      <c r="D74" s="421">
        <v>0</v>
      </c>
      <c r="E74" s="421">
        <v>0</v>
      </c>
      <c r="F74" s="505">
        <v>0</v>
      </c>
      <c r="G74" s="421">
        <v>0</v>
      </c>
      <c r="H74" s="421">
        <v>0</v>
      </c>
      <c r="I74" s="421">
        <v>0</v>
      </c>
      <c r="J74" s="505">
        <v>0</v>
      </c>
      <c r="K74" s="506">
        <v>0</v>
      </c>
      <c r="L74" s="318">
        <v>0</v>
      </c>
    </row>
    <row r="75" spans="1:12" ht="10.5" x14ac:dyDescent="0.2">
      <c r="A75" s="189" t="s">
        <v>700</v>
      </c>
      <c r="B75" s="423">
        <v>0</v>
      </c>
      <c r="C75" s="423"/>
      <c r="D75" s="423">
        <v>0</v>
      </c>
      <c r="E75" s="423">
        <v>0</v>
      </c>
      <c r="F75" s="508">
        <v>0</v>
      </c>
      <c r="G75" s="423">
        <v>0</v>
      </c>
      <c r="H75" s="423">
        <v>0</v>
      </c>
      <c r="I75" s="423">
        <v>0</v>
      </c>
      <c r="J75" s="508">
        <v>0</v>
      </c>
      <c r="K75" s="500">
        <v>0</v>
      </c>
      <c r="L75" s="460">
        <v>0</v>
      </c>
    </row>
    <row r="76" spans="1:12" ht="10.5" x14ac:dyDescent="0.2">
      <c r="A76" s="189"/>
      <c r="B76" s="423"/>
      <c r="C76" s="423"/>
      <c r="D76" s="423"/>
      <c r="E76" s="423"/>
      <c r="F76" s="500"/>
      <c r="G76" s="423"/>
      <c r="H76" s="423"/>
      <c r="I76" s="423"/>
      <c r="J76" s="500"/>
      <c r="K76" s="460"/>
      <c r="L76" s="460"/>
    </row>
    <row r="77" spans="1:12" s="66" customFormat="1" ht="10.5" x14ac:dyDescent="0.2">
      <c r="A77" s="142" t="s">
        <v>703</v>
      </c>
      <c r="B77" s="421">
        <v>27130700</v>
      </c>
      <c r="C77" s="421">
        <v>29493819.16</v>
      </c>
      <c r="D77" s="421">
        <v>5955781.0899999999</v>
      </c>
      <c r="E77" s="421">
        <v>18597948.710000001</v>
      </c>
      <c r="F77" s="505">
        <v>2.0949778233901775</v>
      </c>
      <c r="G77" s="421">
        <v>10895870.449999999</v>
      </c>
      <c r="H77" s="421">
        <v>3194007.59</v>
      </c>
      <c r="I77" s="421">
        <v>6272193.2400000002</v>
      </c>
      <c r="J77" s="505">
        <v>1.7329148608591038</v>
      </c>
      <c r="K77" s="506">
        <v>23221625.920000002</v>
      </c>
      <c r="L77" s="318">
        <v>0</v>
      </c>
    </row>
    <row r="78" spans="1:12" ht="10.5" x14ac:dyDescent="0.2">
      <c r="A78" s="189" t="s">
        <v>648</v>
      </c>
      <c r="B78" s="423">
        <v>27130700</v>
      </c>
      <c r="C78" s="423">
        <v>29493819.16</v>
      </c>
      <c r="D78" s="423">
        <v>5955781.0899999999</v>
      </c>
      <c r="E78" s="423">
        <v>18597948.710000001</v>
      </c>
      <c r="F78" s="508">
        <v>2.0949778233901775</v>
      </c>
      <c r="G78" s="423">
        <v>10895870.449999999</v>
      </c>
      <c r="H78" s="423">
        <v>3194007.59</v>
      </c>
      <c r="I78" s="423">
        <v>6272193.2400000002</v>
      </c>
      <c r="J78" s="508">
        <v>1.7329148608591038</v>
      </c>
      <c r="K78" s="500">
        <v>23221625.920000002</v>
      </c>
      <c r="L78" s="460">
        <v>0</v>
      </c>
    </row>
    <row r="79" spans="1:12" ht="10.5" x14ac:dyDescent="0.2">
      <c r="A79" s="189"/>
      <c r="B79" s="423"/>
      <c r="C79" s="423"/>
      <c r="D79" s="423"/>
      <c r="E79" s="423"/>
      <c r="F79" s="500"/>
      <c r="G79" s="423"/>
      <c r="H79" s="423"/>
      <c r="I79" s="423"/>
      <c r="J79" s="500"/>
      <c r="K79" s="460"/>
      <c r="L79" s="460"/>
    </row>
    <row r="80" spans="1:12" s="66" customFormat="1" ht="10.5" x14ac:dyDescent="0.2">
      <c r="A80" s="142" t="s">
        <v>711</v>
      </c>
      <c r="B80" s="421">
        <v>2184500</v>
      </c>
      <c r="C80" s="421">
        <v>1983692.1400000001</v>
      </c>
      <c r="D80" s="421">
        <v>384702.7</v>
      </c>
      <c r="E80" s="421">
        <v>1613175.15</v>
      </c>
      <c r="F80" s="505">
        <v>0.18171714618596357</v>
      </c>
      <c r="G80" s="421">
        <v>370516.99000000011</v>
      </c>
      <c r="H80" s="421">
        <v>298815.24</v>
      </c>
      <c r="I80" s="421">
        <v>593906.54</v>
      </c>
      <c r="J80" s="505">
        <v>0.16408765319344845</v>
      </c>
      <c r="K80" s="506">
        <v>1389785.6</v>
      </c>
      <c r="L80" s="318">
        <v>0</v>
      </c>
    </row>
    <row r="81" spans="1:12" ht="10.5" x14ac:dyDescent="0.2">
      <c r="A81" s="189" t="s">
        <v>710</v>
      </c>
      <c r="B81" s="423">
        <v>995500</v>
      </c>
      <c r="C81" s="423">
        <v>995500</v>
      </c>
      <c r="D81" s="423">
        <v>255000</v>
      </c>
      <c r="E81" s="423">
        <v>800584.19</v>
      </c>
      <c r="F81" s="508">
        <v>9.0182317951278415E-2</v>
      </c>
      <c r="G81" s="423">
        <v>194915.81000000006</v>
      </c>
      <c r="H81" s="423">
        <v>174601.4</v>
      </c>
      <c r="I81" s="423">
        <v>334802.42</v>
      </c>
      <c r="J81" s="508">
        <v>9.250099078095228E-2</v>
      </c>
      <c r="K81" s="500">
        <v>660697.58000000007</v>
      </c>
      <c r="L81" s="460">
        <v>0</v>
      </c>
    </row>
    <row r="82" spans="1:12" ht="10.5" x14ac:dyDescent="0.2">
      <c r="A82" s="189" t="s">
        <v>712</v>
      </c>
      <c r="B82" s="423">
        <v>1189000</v>
      </c>
      <c r="C82" s="423">
        <v>988192.14</v>
      </c>
      <c r="D82" s="423">
        <v>129702.7</v>
      </c>
      <c r="E82" s="423">
        <v>812590.96</v>
      </c>
      <c r="F82" s="508">
        <v>9.1534828234685173E-2</v>
      </c>
      <c r="G82" s="423">
        <v>175601.18000000005</v>
      </c>
      <c r="H82" s="423">
        <v>124213.84</v>
      </c>
      <c r="I82" s="423">
        <v>259104.12</v>
      </c>
      <c r="J82" s="508">
        <v>7.1586662412496171E-2</v>
      </c>
      <c r="K82" s="500">
        <v>729088.02</v>
      </c>
      <c r="L82" s="460">
        <v>0</v>
      </c>
    </row>
    <row r="83" spans="1:12" ht="10.5" x14ac:dyDescent="0.2">
      <c r="A83" s="189" t="s">
        <v>713</v>
      </c>
      <c r="B83" s="423">
        <v>0</v>
      </c>
      <c r="C83" s="423">
        <v>0</v>
      </c>
      <c r="D83" s="423">
        <v>0</v>
      </c>
      <c r="E83" s="423">
        <v>0</v>
      </c>
      <c r="F83" s="508">
        <v>0</v>
      </c>
      <c r="G83" s="423">
        <v>0</v>
      </c>
      <c r="H83" s="423">
        <v>0</v>
      </c>
      <c r="I83" s="423">
        <v>0</v>
      </c>
      <c r="J83" s="508">
        <v>0</v>
      </c>
      <c r="K83" s="500">
        <v>0</v>
      </c>
      <c r="L83" s="460">
        <v>0</v>
      </c>
    </row>
    <row r="84" spans="1:12" ht="10.5" x14ac:dyDescent="0.2">
      <c r="A84" s="189"/>
      <c r="B84" s="423"/>
      <c r="C84" s="423"/>
      <c r="D84" s="423"/>
      <c r="E84" s="423"/>
      <c r="F84" s="500"/>
      <c r="G84" s="423"/>
      <c r="H84" s="423"/>
      <c r="I84" s="423"/>
      <c r="J84" s="500"/>
      <c r="K84" s="460"/>
      <c r="L84" s="460"/>
    </row>
    <row r="85" spans="1:12" s="66" customFormat="1" ht="10.5" x14ac:dyDescent="0.2">
      <c r="A85" s="142" t="s">
        <v>756</v>
      </c>
      <c r="B85" s="421">
        <v>649800</v>
      </c>
      <c r="C85" s="421">
        <v>649800</v>
      </c>
      <c r="D85" s="421">
        <v>0</v>
      </c>
      <c r="E85" s="421">
        <v>0</v>
      </c>
      <c r="F85" s="505">
        <v>0</v>
      </c>
      <c r="G85" s="421">
        <v>649800</v>
      </c>
      <c r="H85" s="421">
        <v>0</v>
      </c>
      <c r="I85" s="421">
        <v>0</v>
      </c>
      <c r="J85" s="505">
        <v>0</v>
      </c>
      <c r="K85" s="506">
        <v>649800</v>
      </c>
      <c r="L85" s="318">
        <v>0</v>
      </c>
    </row>
    <row r="86" spans="1:12" ht="10.5" x14ac:dyDescent="0.2">
      <c r="A86" s="189" t="s">
        <v>710</v>
      </c>
      <c r="B86" s="423">
        <v>649800</v>
      </c>
      <c r="C86" s="423">
        <v>649800</v>
      </c>
      <c r="D86" s="423">
        <v>0</v>
      </c>
      <c r="E86" s="423">
        <v>0</v>
      </c>
      <c r="F86" s="508">
        <v>0</v>
      </c>
      <c r="G86" s="423">
        <v>649800</v>
      </c>
      <c r="H86" s="423">
        <v>0</v>
      </c>
      <c r="I86" s="423">
        <v>0</v>
      </c>
      <c r="J86" s="508">
        <v>0</v>
      </c>
      <c r="K86" s="500">
        <v>649800</v>
      </c>
      <c r="L86" s="460">
        <v>0</v>
      </c>
    </row>
    <row r="87" spans="1:12" ht="10.5" x14ac:dyDescent="0.2">
      <c r="A87" s="189"/>
      <c r="B87" s="423"/>
      <c r="C87" s="423"/>
      <c r="D87" s="423"/>
      <c r="E87" s="423"/>
      <c r="F87" s="500"/>
      <c r="G87" s="423"/>
      <c r="H87" s="423"/>
      <c r="I87" s="423"/>
      <c r="J87" s="500"/>
      <c r="K87" s="460"/>
      <c r="L87" s="460"/>
    </row>
    <row r="88" spans="1:12" s="66" customFormat="1" ht="10.5" x14ac:dyDescent="0.2">
      <c r="A88" s="142" t="s">
        <v>717</v>
      </c>
      <c r="B88" s="421">
        <v>26070000</v>
      </c>
      <c r="C88" s="421">
        <v>28389410</v>
      </c>
      <c r="D88" s="421">
        <v>105709.18</v>
      </c>
      <c r="E88" s="421">
        <v>15465695.83</v>
      </c>
      <c r="F88" s="505">
        <v>1.7421431950571256</v>
      </c>
      <c r="G88" s="421">
        <v>12923714.17</v>
      </c>
      <c r="H88" s="421">
        <v>2599611.4500000002</v>
      </c>
      <c r="I88" s="421">
        <v>5158103.49</v>
      </c>
      <c r="J88" s="505">
        <v>1.425108227639716</v>
      </c>
      <c r="K88" s="506">
        <v>23231306.509999998</v>
      </c>
      <c r="L88" s="318">
        <v>0</v>
      </c>
    </row>
    <row r="89" spans="1:12" ht="10.5" x14ac:dyDescent="0.2">
      <c r="A89" s="189" t="s">
        <v>648</v>
      </c>
      <c r="B89" s="423">
        <v>26070000</v>
      </c>
      <c r="C89" s="423">
        <v>28389410</v>
      </c>
      <c r="D89" s="423">
        <v>105709.18</v>
      </c>
      <c r="E89" s="423">
        <v>15465695.83</v>
      </c>
      <c r="F89" s="508">
        <v>1.7421431950571256</v>
      </c>
      <c r="G89" s="423">
        <v>12923714.17</v>
      </c>
      <c r="H89" s="423">
        <v>2599611.4500000002</v>
      </c>
      <c r="I89" s="423">
        <v>5158103.49</v>
      </c>
      <c r="J89" s="508">
        <v>1.425108227639716</v>
      </c>
      <c r="K89" s="500">
        <v>23231306.509999998</v>
      </c>
      <c r="L89" s="460">
        <v>0</v>
      </c>
    </row>
    <row r="90" spans="1:12" s="187" customFormat="1" ht="10.5" x14ac:dyDescent="0.2">
      <c r="A90" s="189"/>
      <c r="B90" s="423"/>
      <c r="C90" s="423"/>
      <c r="D90" s="423"/>
      <c r="E90" s="423"/>
      <c r="F90" s="500"/>
      <c r="G90" s="423"/>
      <c r="H90" s="423"/>
      <c r="I90" s="423"/>
      <c r="J90" s="500"/>
      <c r="K90" s="460"/>
      <c r="L90" s="460"/>
    </row>
    <row r="91" spans="1:12" s="66" customFormat="1" ht="10.5" x14ac:dyDescent="0.2">
      <c r="A91" s="142" t="s">
        <v>722</v>
      </c>
      <c r="B91" s="421">
        <v>103000</v>
      </c>
      <c r="C91" s="421">
        <v>161000</v>
      </c>
      <c r="D91" s="421">
        <v>58560.88</v>
      </c>
      <c r="E91" s="421">
        <v>79000</v>
      </c>
      <c r="F91" s="505">
        <v>8.8990055101525224E-3</v>
      </c>
      <c r="G91" s="421">
        <v>82000</v>
      </c>
      <c r="H91" s="421">
        <v>14952.74</v>
      </c>
      <c r="I91" s="421">
        <v>29598.63</v>
      </c>
      <c r="J91" s="505">
        <v>8.1776666989408792E-3</v>
      </c>
      <c r="K91" s="506">
        <v>131401.37</v>
      </c>
      <c r="L91" s="318">
        <v>0</v>
      </c>
    </row>
    <row r="92" spans="1:12" ht="10.5" x14ac:dyDescent="0.2">
      <c r="A92" s="189" t="s">
        <v>723</v>
      </c>
      <c r="B92" s="423">
        <v>40000</v>
      </c>
      <c r="C92" s="423">
        <v>40000</v>
      </c>
      <c r="D92" s="423">
        <v>0</v>
      </c>
      <c r="E92" s="423">
        <v>0</v>
      </c>
      <c r="F92" s="508">
        <v>0</v>
      </c>
      <c r="G92" s="423">
        <v>40000</v>
      </c>
      <c r="H92" s="423">
        <v>0</v>
      </c>
      <c r="I92" s="423">
        <v>0</v>
      </c>
      <c r="J92" s="508">
        <v>0</v>
      </c>
      <c r="K92" s="500">
        <v>40000</v>
      </c>
      <c r="L92" s="460">
        <v>0</v>
      </c>
    </row>
    <row r="93" spans="1:12" ht="10.5" x14ac:dyDescent="0.2">
      <c r="A93" s="189" t="s">
        <v>724</v>
      </c>
      <c r="B93" s="423">
        <v>63000</v>
      </c>
      <c r="C93" s="423">
        <v>121000</v>
      </c>
      <c r="D93" s="423">
        <v>58560.88</v>
      </c>
      <c r="E93" s="423">
        <v>79000</v>
      </c>
      <c r="F93" s="508">
        <v>8.8990055101525224E-3</v>
      </c>
      <c r="G93" s="423">
        <v>42000</v>
      </c>
      <c r="H93" s="423">
        <v>14952.74</v>
      </c>
      <c r="I93" s="423">
        <v>29598.63</v>
      </c>
      <c r="J93" s="508">
        <v>8.1776666989408792E-3</v>
      </c>
      <c r="K93" s="500">
        <v>91401.37</v>
      </c>
      <c r="L93" s="460">
        <v>0</v>
      </c>
    </row>
    <row r="94" spans="1:12" ht="10.5" x14ac:dyDescent="0.2">
      <c r="A94" s="189"/>
      <c r="B94" s="423"/>
      <c r="C94" s="423"/>
      <c r="D94" s="423"/>
      <c r="E94" s="423"/>
      <c r="F94" s="500"/>
      <c r="G94" s="423"/>
      <c r="H94" s="423"/>
      <c r="I94" s="423"/>
      <c r="J94" s="500"/>
      <c r="K94" s="460"/>
      <c r="L94" s="460"/>
    </row>
    <row r="95" spans="1:12" s="66" customFormat="1" ht="10.5" x14ac:dyDescent="0.2">
      <c r="A95" s="142" t="s">
        <v>725</v>
      </c>
      <c r="B95" s="421">
        <v>12133000</v>
      </c>
      <c r="C95" s="421">
        <v>37733000</v>
      </c>
      <c r="D95" s="421">
        <v>0</v>
      </c>
      <c r="E95" s="421">
        <v>30220000</v>
      </c>
      <c r="F95" s="505">
        <v>3.4041512217317624</v>
      </c>
      <c r="G95" s="421">
        <v>7513000</v>
      </c>
      <c r="H95" s="421">
        <v>4945082.62</v>
      </c>
      <c r="I95" s="421">
        <v>9831879.2599999998</v>
      </c>
      <c r="J95" s="505">
        <v>2.7164038204643082</v>
      </c>
      <c r="K95" s="506">
        <v>27901120.740000002</v>
      </c>
      <c r="L95" s="318">
        <v>0</v>
      </c>
    </row>
    <row r="96" spans="1:12" ht="10.5" x14ac:dyDescent="0.2">
      <c r="A96" s="189" t="s">
        <v>728</v>
      </c>
      <c r="B96" s="423">
        <v>12133000</v>
      </c>
      <c r="C96" s="423">
        <v>37733000</v>
      </c>
      <c r="D96" s="423">
        <v>0</v>
      </c>
      <c r="E96" s="423">
        <v>30220000</v>
      </c>
      <c r="F96" s="508">
        <v>3.4041512217317624</v>
      </c>
      <c r="G96" s="423">
        <v>7513000</v>
      </c>
      <c r="H96" s="423">
        <v>4945082.62</v>
      </c>
      <c r="I96" s="423">
        <v>9831879.2599999998</v>
      </c>
      <c r="J96" s="508">
        <v>2.7164038204643082</v>
      </c>
      <c r="K96" s="500">
        <v>27901120.740000002</v>
      </c>
      <c r="L96" s="460">
        <v>0</v>
      </c>
    </row>
    <row r="97" spans="1:12" ht="15" customHeight="1" x14ac:dyDescent="0.2">
      <c r="A97" s="144" t="s">
        <v>735</v>
      </c>
      <c r="B97" s="362">
        <v>993939500</v>
      </c>
      <c r="C97" s="362">
        <v>1205084178.5600004</v>
      </c>
      <c r="D97" s="362">
        <v>511430955.33999997</v>
      </c>
      <c r="E97" s="362">
        <v>887739645.85000002</v>
      </c>
      <c r="F97" s="510">
        <v>100</v>
      </c>
      <c r="G97" s="362">
        <v>317344532.70999998</v>
      </c>
      <c r="H97" s="362">
        <v>169630015.91000003</v>
      </c>
      <c r="I97" s="362">
        <v>361944685.32000005</v>
      </c>
      <c r="J97" s="510">
        <v>100</v>
      </c>
      <c r="K97" s="504">
        <v>843139493.24000025</v>
      </c>
      <c r="L97" s="229">
        <v>0</v>
      </c>
    </row>
    <row r="98" spans="1:12" ht="10.5" x14ac:dyDescent="0.2">
      <c r="A98" s="45" t="s">
        <v>848</v>
      </c>
      <c r="L98" s="292"/>
    </row>
    <row r="99" spans="1:12" ht="10.5" x14ac:dyDescent="0.2">
      <c r="A99" s="202"/>
    </row>
    <row r="100" spans="1:12" ht="10.5" x14ac:dyDescent="0.2">
      <c r="A100" s="183"/>
      <c r="C100" s="412"/>
    </row>
    <row r="101" spans="1:12" s="264" customFormat="1" ht="10.5" x14ac:dyDescent="0.2">
      <c r="A101" s="389"/>
      <c r="B101" s="45"/>
      <c r="C101" s="45"/>
      <c r="D101" s="45"/>
      <c r="E101" s="45"/>
      <c r="F101" s="45"/>
      <c r="G101" s="45"/>
      <c r="H101" s="45"/>
      <c r="I101" s="45"/>
      <c r="J101" s="45"/>
      <c r="K101" s="45"/>
      <c r="L101" s="45"/>
    </row>
    <row r="102" spans="1:12" s="264" customFormat="1" ht="10.5" x14ac:dyDescent="0.2">
      <c r="A102" s="389"/>
      <c r="B102" s="45"/>
      <c r="C102" s="45"/>
      <c r="D102" s="45"/>
      <c r="E102" s="45"/>
      <c r="F102" s="45"/>
      <c r="G102" s="45"/>
      <c r="H102" s="45"/>
      <c r="I102" s="45"/>
      <c r="J102" s="45"/>
      <c r="K102" s="45"/>
      <c r="L102" s="45"/>
    </row>
    <row r="103" spans="1:12" s="264" customFormat="1" ht="10.5" x14ac:dyDescent="0.2">
      <c r="A103" s="389"/>
      <c r="B103" s="45"/>
      <c r="C103" s="45"/>
      <c r="D103" s="45"/>
      <c r="E103" s="45"/>
      <c r="F103" s="45"/>
      <c r="G103" s="45"/>
      <c r="H103" s="45"/>
      <c r="I103" s="45"/>
      <c r="J103" s="45"/>
      <c r="K103" s="45"/>
      <c r="L103" s="45"/>
    </row>
    <row r="104" spans="1:12" ht="10.5" x14ac:dyDescent="0.2"/>
    <row r="105" spans="1:12" ht="10.5" x14ac:dyDescent="0.2"/>
    <row r="106" spans="1:12" ht="10.5" x14ac:dyDescent="0.2"/>
    <row r="107" spans="1:12" s="45" customFormat="1" ht="11.25" customHeight="1" x14ac:dyDescent="0.2"/>
    <row r="108" spans="1:12" s="45" customFormat="1" ht="11.25" customHeight="1" x14ac:dyDescent="0.2"/>
    <row r="109" spans="1:12" s="45" customFormat="1" ht="11.25" customHeight="1" x14ac:dyDescent="0.2"/>
    <row r="110" spans="1:12" s="45" customFormat="1" ht="11.25" customHeight="1" x14ac:dyDescent="0.2"/>
    <row r="111" spans="1:12" s="45" customFormat="1" ht="11.25" customHeight="1" x14ac:dyDescent="0.2"/>
    <row r="112" spans="1:12" s="45" customFormat="1" ht="11.25" customHeight="1" x14ac:dyDescent="0.2"/>
    <row r="113" s="45" customFormat="1" ht="11.25" customHeight="1"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sheetData>
  <customSheetViews>
    <customSheetView guid="{6DBFA32C-4AA4-4E1D-9A48-697377C64CC3}" showPageBreaks="1" showGridLines="0" fitToPage="1" printArea="1">
      <selection activeCell="C97" sqref="C97"/>
      <pageMargins left="0.19685039370078741" right="0.19685039370078741" top="0.59055118110236227" bottom="0.19685039370078741" header="0" footer="0"/>
      <printOptions horizontalCentered="1"/>
      <pageSetup paperSize="9" scale="45" orientation="portrait" r:id="rId1"/>
    </customSheetView>
    <customSheetView guid="{3AAF6A5F-F9AA-430B-9AD9-1261ECDF41B5}" showPageBreaks="1" showGridLines="0" fitToPage="1" printArea="1" topLeftCell="B76">
      <selection activeCell="E126" sqref="E126"/>
      <pageMargins left="0.19685039370078741" right="0.19685039370078741" top="0.59055118110236227" bottom="0.19685039370078741" header="0" footer="0"/>
      <printOptions horizontalCentered="1"/>
      <pageSetup paperSize="9" scale="45" orientation="portrait" r:id="rId2"/>
    </customSheetView>
    <customSheetView guid="{C779D862-DE28-46CD-A428-4AAA1056D1E1}" showPageBreaks="1" showGridLines="0" fitToPage="1" printArea="1">
      <selection activeCell="A8" sqref="A8"/>
      <pageMargins left="0.19685039370078741" right="0.19685039370078741" top="0.59055118110236227" bottom="0.19685039370078741" header="0" footer="0"/>
      <printOptions horizontalCentered="1"/>
      <pageSetup paperSize="9" scale="45" orientation="portrait" r:id="rId3"/>
    </customSheetView>
    <customSheetView guid="{25EF1E0D-169B-4051-B414-7E1196FC05E4}" showGridLines="0" fitToPage="1" topLeftCell="A58">
      <selection activeCell="I83" sqref="I83"/>
      <pageMargins left="0.19685039370078741" right="0.19685039370078741" top="0.59055118110236227" bottom="0.19685039370078741" header="0" footer="0"/>
      <printOptions horizontalCentered="1"/>
      <pageSetup paperSize="9" scale="45" orientation="portrait" r:id="rId4"/>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45" orientation="portrait" r:id="rId5"/>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6"/>
    </customSheetView>
    <customSheetView guid="{82EDB5A4-4824-4632-A540-7A52C92F04C7}" showPageBreaks="1" showGridLines="0" fitToPage="1" topLeftCell="A68">
      <selection activeCell="C97" sqref="C97"/>
      <pageMargins left="0.19685039370078741" right="0.19685039370078741" top="0.59055118110236227" bottom="0.19685039370078741" header="0" footer="0"/>
      <printOptions horizontalCentered="1"/>
      <pageSetup paperSize="9" scale="45" orientation="portrait" r:id="rId7"/>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6" orientation="portrait" r:id="rId8"/>
  <drawing r:id="rId9"/>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pageSetUpPr fitToPage="1"/>
  </sheetPr>
  <dimension ref="A1:P85"/>
  <sheetViews>
    <sheetView showGridLines="0" zoomScaleNormal="100" workbookViewId="0"/>
  </sheetViews>
  <sheetFormatPr defaultColWidth="4.140625" defaultRowHeight="11.25" customHeight="1" x14ac:dyDescent="0.2"/>
  <cols>
    <col min="1" max="1" width="45.140625" style="264" customWidth="1"/>
    <col min="2" max="2" width="20.5703125" style="299" customWidth="1"/>
    <col min="3" max="3" width="19" style="299" customWidth="1"/>
    <col min="4" max="4" width="19" style="299" bestFit="1" customWidth="1"/>
    <col min="5" max="5" width="18.85546875" style="299" customWidth="1"/>
    <col min="6" max="6" width="19" style="299" bestFit="1" customWidth="1"/>
    <col min="7" max="7" width="20.140625" style="300" bestFit="1" customWidth="1"/>
    <col min="8" max="8" width="20.85546875" style="299" customWidth="1"/>
    <col min="9" max="9" width="4.140625" style="217"/>
    <col min="10" max="12" width="4.140625" style="264"/>
    <col min="13" max="13" width="5.140625" style="264" customWidth="1"/>
    <col min="14" max="14" width="4.140625" style="264"/>
    <col min="15" max="15" width="19" style="264" bestFit="1" customWidth="1"/>
    <col min="16" max="16" width="10.28515625" style="264" customWidth="1"/>
    <col min="17" max="16384" width="4.140625" style="264"/>
  </cols>
  <sheetData>
    <row r="1" spans="1:9" s="26" customFormat="1" ht="11.25" customHeight="1" x14ac:dyDescent="0.2">
      <c r="A1" s="268"/>
      <c r="B1" s="299"/>
      <c r="C1" s="299"/>
      <c r="D1" s="299"/>
      <c r="E1" s="299"/>
      <c r="F1" s="299"/>
      <c r="G1" s="300"/>
      <c r="H1" s="299"/>
      <c r="I1" s="112"/>
    </row>
    <row r="2" spans="1:9" s="26" customFormat="1" ht="11.25" customHeight="1" x14ac:dyDescent="0.2">
      <c r="A2" s="268"/>
      <c r="B2" s="299"/>
      <c r="C2" s="299"/>
      <c r="D2" s="299"/>
      <c r="E2" s="299"/>
      <c r="F2" s="299"/>
      <c r="G2" s="300"/>
      <c r="H2" s="299"/>
      <c r="I2" s="112"/>
    </row>
    <row r="3" spans="1:9" s="45" customFormat="1" ht="11.25" customHeight="1" x14ac:dyDescent="0.2">
      <c r="A3" s="740" t="s">
        <v>638</v>
      </c>
      <c r="B3" s="740"/>
      <c r="C3" s="740"/>
      <c r="D3" s="740"/>
      <c r="E3" s="740"/>
      <c r="F3" s="740"/>
      <c r="G3" s="740"/>
      <c r="H3" s="740"/>
      <c r="I3" s="56"/>
    </row>
    <row r="4" spans="1:9" s="45" customFormat="1" ht="11.25" customHeight="1" x14ac:dyDescent="0.2">
      <c r="A4" s="740" t="s">
        <v>105</v>
      </c>
      <c r="B4" s="740"/>
      <c r="C4" s="740"/>
      <c r="D4" s="740"/>
      <c r="E4" s="740"/>
      <c r="F4" s="740"/>
      <c r="G4" s="740"/>
      <c r="H4" s="740"/>
      <c r="I4" s="56"/>
    </row>
    <row r="5" spans="1:9" s="45" customFormat="1" ht="11.25" customHeight="1" x14ac:dyDescent="0.2">
      <c r="A5" s="740" t="s">
        <v>171</v>
      </c>
      <c r="B5" s="740"/>
      <c r="C5" s="740"/>
      <c r="D5" s="740"/>
      <c r="E5" s="740"/>
      <c r="F5" s="740"/>
      <c r="G5" s="740"/>
      <c r="H5" s="740"/>
      <c r="I5" s="56"/>
    </row>
    <row r="6" spans="1:9" s="45" customFormat="1" ht="11.25" customHeight="1" x14ac:dyDescent="0.2">
      <c r="A6" s="740" t="s">
        <v>107</v>
      </c>
      <c r="B6" s="740"/>
      <c r="C6" s="740"/>
      <c r="D6" s="740"/>
      <c r="E6" s="740"/>
      <c r="F6" s="740"/>
      <c r="G6" s="740"/>
      <c r="H6" s="740"/>
      <c r="I6" s="56"/>
    </row>
    <row r="7" spans="1:9" s="45" customFormat="1" ht="11.25" customHeight="1" x14ac:dyDescent="0.2">
      <c r="A7" s="760" t="s">
        <v>903</v>
      </c>
      <c r="B7" s="760"/>
      <c r="C7" s="760"/>
      <c r="D7" s="760"/>
      <c r="E7" s="760"/>
      <c r="F7" s="760"/>
      <c r="G7" s="760"/>
      <c r="H7" s="760"/>
      <c r="I7" s="56"/>
    </row>
    <row r="8" spans="1:9" s="26" customFormat="1" ht="11.25" customHeight="1" x14ac:dyDescent="0.2">
      <c r="A8" s="46"/>
      <c r="B8" s="301"/>
      <c r="C8" s="301"/>
      <c r="D8" s="301"/>
      <c r="E8" s="301"/>
      <c r="F8" s="301"/>
      <c r="G8" s="301"/>
      <c r="H8" s="301"/>
      <c r="I8" s="112"/>
    </row>
    <row r="9" spans="1:9" s="26" customFormat="1" ht="11.25" customHeight="1" x14ac:dyDescent="0.2">
      <c r="A9" s="26" t="s">
        <v>364</v>
      </c>
      <c r="B9" s="299"/>
      <c r="C9" s="299"/>
      <c r="D9" s="299"/>
      <c r="E9" s="299"/>
      <c r="F9" s="299"/>
      <c r="G9" s="308"/>
      <c r="H9" s="622">
        <v>1</v>
      </c>
      <c r="I9" s="112"/>
    </row>
    <row r="10" spans="1:9" ht="11.25" customHeight="1" x14ac:dyDescent="0.2">
      <c r="A10" s="127"/>
      <c r="B10" s="779" t="s">
        <v>172</v>
      </c>
      <c r="C10" s="780"/>
      <c r="D10" s="780"/>
      <c r="E10" s="780"/>
      <c r="F10" s="780"/>
      <c r="G10" s="780"/>
      <c r="H10" s="780"/>
    </row>
    <row r="11" spans="1:9" ht="11.25" customHeight="1" x14ac:dyDescent="0.2">
      <c r="A11" s="267" t="s">
        <v>173</v>
      </c>
      <c r="B11" s="781"/>
      <c r="C11" s="782"/>
      <c r="D11" s="782"/>
      <c r="E11" s="782"/>
      <c r="F11" s="782"/>
      <c r="G11" s="782"/>
      <c r="H11" s="782"/>
    </row>
    <row r="12" spans="1:9" ht="15" customHeight="1" x14ac:dyDescent="0.2">
      <c r="A12" s="49"/>
      <c r="B12" s="679" t="s">
        <v>855</v>
      </c>
      <c r="C12" s="679" t="s">
        <v>856</v>
      </c>
      <c r="D12" s="679" t="s">
        <v>857</v>
      </c>
      <c r="E12" s="679" t="s">
        <v>858</v>
      </c>
      <c r="F12" s="679" t="s">
        <v>859</v>
      </c>
      <c r="G12" s="679" t="s">
        <v>860</v>
      </c>
      <c r="H12" s="679" t="s">
        <v>869</v>
      </c>
    </row>
    <row r="13" spans="1:9" s="66" customFormat="1" ht="10.5" x14ac:dyDescent="0.2">
      <c r="A13" s="128" t="s">
        <v>176</v>
      </c>
      <c r="B13" s="511">
        <v>1006060241.4199998</v>
      </c>
      <c r="C13" s="511">
        <v>970564725.51000011</v>
      </c>
      <c r="D13" s="511">
        <v>994884354.13999987</v>
      </c>
      <c r="E13" s="511">
        <v>999252664.14999998</v>
      </c>
      <c r="F13" s="511">
        <v>975849866.98000002</v>
      </c>
      <c r="G13" s="511">
        <v>1017361681.8899999</v>
      </c>
      <c r="H13" s="511">
        <v>1021125786.5299999</v>
      </c>
      <c r="I13" s="155"/>
    </row>
    <row r="14" spans="1:9" ht="10.5" x14ac:dyDescent="0.2">
      <c r="A14" s="29" t="s">
        <v>177</v>
      </c>
      <c r="B14" s="424">
        <v>670608538.11999989</v>
      </c>
      <c r="C14" s="512">
        <v>666858165.99000013</v>
      </c>
      <c r="D14" s="424">
        <v>691351494.65999985</v>
      </c>
      <c r="E14" s="513">
        <v>694161069.98999989</v>
      </c>
      <c r="F14" s="424">
        <v>687646671.42999995</v>
      </c>
      <c r="G14" s="424">
        <v>676435703.5999999</v>
      </c>
      <c r="H14" s="424">
        <v>679435823.20999992</v>
      </c>
    </row>
    <row r="15" spans="1:9" ht="10.5" x14ac:dyDescent="0.2">
      <c r="A15" s="29" t="s">
        <v>416</v>
      </c>
      <c r="B15" s="424">
        <v>580281807.77999997</v>
      </c>
      <c r="C15" s="424">
        <v>571703195.5200001</v>
      </c>
      <c r="D15" s="513">
        <v>595703094.02999997</v>
      </c>
      <c r="E15" s="513">
        <v>604777681.92999995</v>
      </c>
      <c r="F15" s="424">
        <v>586553488.82999992</v>
      </c>
      <c r="G15" s="424">
        <v>585179815.51999998</v>
      </c>
      <c r="H15" s="424">
        <v>577355560.66999996</v>
      </c>
    </row>
    <row r="16" spans="1:9" ht="10.5" x14ac:dyDescent="0.2">
      <c r="A16" s="29" t="s">
        <v>417</v>
      </c>
      <c r="B16" s="424">
        <v>21606640.75</v>
      </c>
      <c r="C16" s="424">
        <v>10294532.4</v>
      </c>
      <c r="D16" s="513">
        <v>9813272.5299999993</v>
      </c>
      <c r="E16" s="513">
        <v>8594754.7400000002</v>
      </c>
      <c r="F16" s="424">
        <v>8235916.0499999998</v>
      </c>
      <c r="G16" s="424">
        <v>7473951.25</v>
      </c>
      <c r="H16" s="424">
        <v>6807575.2400000002</v>
      </c>
    </row>
    <row r="17" spans="1:9" ht="10.5" x14ac:dyDescent="0.2">
      <c r="A17" s="29" t="s">
        <v>418</v>
      </c>
      <c r="B17" s="424">
        <v>8315101.7999999998</v>
      </c>
      <c r="C17" s="424">
        <v>10630796.34</v>
      </c>
      <c r="D17" s="513">
        <v>7605769.0199999996</v>
      </c>
      <c r="E17" s="513">
        <v>9732295.1799999997</v>
      </c>
      <c r="F17" s="424">
        <v>7577783.1100000003</v>
      </c>
      <c r="G17" s="424">
        <v>10418904.140000001</v>
      </c>
      <c r="H17" s="424">
        <v>9829570.1799999997</v>
      </c>
    </row>
    <row r="18" spans="1:9" ht="10.5" x14ac:dyDescent="0.2">
      <c r="A18" s="29" t="s">
        <v>415</v>
      </c>
      <c r="B18" s="424">
        <v>41695157.859999999</v>
      </c>
      <c r="C18" s="424">
        <v>45110977.710000001</v>
      </c>
      <c r="D18" s="513">
        <v>47188218.670000002</v>
      </c>
      <c r="E18" s="513">
        <v>45345755.350000001</v>
      </c>
      <c r="F18" s="424">
        <v>52907120.82</v>
      </c>
      <c r="G18" s="424">
        <v>40132261.509999998</v>
      </c>
      <c r="H18" s="424">
        <v>62755535.130000003</v>
      </c>
    </row>
    <row r="19" spans="1:9" ht="10.5" x14ac:dyDescent="0.2">
      <c r="A19" s="29" t="s">
        <v>419</v>
      </c>
      <c r="B19" s="424">
        <v>18709829.93</v>
      </c>
      <c r="C19" s="424">
        <v>29118664.020000003</v>
      </c>
      <c r="D19" s="513">
        <v>31041140.409999996</v>
      </c>
      <c r="E19" s="513">
        <v>25710582.789999999</v>
      </c>
      <c r="F19" s="424">
        <v>32372362.619999997</v>
      </c>
      <c r="G19" s="424">
        <v>33230771.18</v>
      </c>
      <c r="H19" s="424">
        <v>22687581.989999998</v>
      </c>
    </row>
    <row r="20" spans="1:9" ht="10.5" x14ac:dyDescent="0.2">
      <c r="A20" s="29" t="s">
        <v>178</v>
      </c>
      <c r="B20" s="424">
        <v>42135340.5</v>
      </c>
      <c r="C20" s="424">
        <v>23440094.18</v>
      </c>
      <c r="D20" s="513">
        <v>54833119.640000001</v>
      </c>
      <c r="E20" s="513">
        <v>41271724.530000001</v>
      </c>
      <c r="F20" s="424">
        <v>21177747.449999999</v>
      </c>
      <c r="G20" s="424">
        <v>24721524.100000001</v>
      </c>
      <c r="H20" s="424">
        <v>41829069.049999997</v>
      </c>
    </row>
    <row r="21" spans="1:9" ht="10.5" x14ac:dyDescent="0.2">
      <c r="A21" s="29" t="s">
        <v>179</v>
      </c>
      <c r="B21" s="424">
        <v>8861258</v>
      </c>
      <c r="C21" s="424">
        <v>8576976.3300000001</v>
      </c>
      <c r="D21" s="513">
        <v>11681962.84</v>
      </c>
      <c r="E21" s="513">
        <v>9987528.1099999994</v>
      </c>
      <c r="F21" s="424">
        <v>14109174.65</v>
      </c>
      <c r="G21" s="424">
        <v>23712441.399999999</v>
      </c>
      <c r="H21" s="424">
        <v>22681298.59</v>
      </c>
    </row>
    <row r="22" spans="1:9" ht="10.5" x14ac:dyDescent="0.2">
      <c r="A22" s="29" t="s">
        <v>180</v>
      </c>
      <c r="B22" s="424">
        <v>0</v>
      </c>
      <c r="C22" s="424">
        <v>0</v>
      </c>
      <c r="D22" s="424">
        <v>0</v>
      </c>
      <c r="E22" s="424">
        <v>0</v>
      </c>
      <c r="F22" s="424">
        <v>0</v>
      </c>
      <c r="G22" s="424">
        <v>0</v>
      </c>
      <c r="H22" s="424">
        <v>0</v>
      </c>
    </row>
    <row r="23" spans="1:9" ht="10.5" x14ac:dyDescent="0.2">
      <c r="A23" s="29" t="s">
        <v>181</v>
      </c>
      <c r="B23" s="424">
        <v>0</v>
      </c>
      <c r="C23" s="424">
        <v>0</v>
      </c>
      <c r="D23" s="513">
        <v>0</v>
      </c>
      <c r="E23" s="424">
        <v>0</v>
      </c>
      <c r="F23" s="424">
        <v>0</v>
      </c>
      <c r="G23" s="424">
        <v>0</v>
      </c>
      <c r="H23" s="424">
        <v>0</v>
      </c>
    </row>
    <row r="24" spans="1:9" ht="10.5" x14ac:dyDescent="0.2">
      <c r="A24" s="29" t="s">
        <v>186</v>
      </c>
      <c r="B24" s="424">
        <v>44817980.920000002</v>
      </c>
      <c r="C24" s="424">
        <v>44227441.590000004</v>
      </c>
      <c r="D24" s="513">
        <v>31703231.600000001</v>
      </c>
      <c r="E24" s="513">
        <v>38781320.719999999</v>
      </c>
      <c r="F24" s="424">
        <v>53660431.979999997</v>
      </c>
      <c r="G24" s="424">
        <v>41792186.060000002</v>
      </c>
      <c r="H24" s="424">
        <v>38853775.020000003</v>
      </c>
    </row>
    <row r="25" spans="1:9" ht="10.5" x14ac:dyDescent="0.2">
      <c r="A25" s="29" t="s">
        <v>182</v>
      </c>
      <c r="B25" s="424">
        <v>224897826.56999999</v>
      </c>
      <c r="C25" s="424">
        <v>215885692.77000001</v>
      </c>
      <c r="D25" s="424">
        <v>193089249.15000001</v>
      </c>
      <c r="E25" s="424">
        <v>201461174.72999999</v>
      </c>
      <c r="F25" s="424">
        <v>186584703.68000001</v>
      </c>
      <c r="G25" s="424">
        <v>241546452.93000001</v>
      </c>
      <c r="H25" s="424">
        <v>225554294.39000002</v>
      </c>
    </row>
    <row r="26" spans="1:9" ht="10.5" x14ac:dyDescent="0.2">
      <c r="A26" s="29" t="s">
        <v>420</v>
      </c>
      <c r="B26" s="424">
        <v>102135688.70999999</v>
      </c>
      <c r="C26" s="424">
        <v>88868403.599999994</v>
      </c>
      <c r="D26" s="513">
        <v>65804266.659999996</v>
      </c>
      <c r="E26" s="513">
        <v>76962691.120000005</v>
      </c>
      <c r="F26" s="424">
        <v>64164274.240000002</v>
      </c>
      <c r="G26" s="424">
        <v>73029577.859999999</v>
      </c>
      <c r="H26" s="424">
        <v>82456126.079999998</v>
      </c>
    </row>
    <row r="27" spans="1:9" ht="10.5" x14ac:dyDescent="0.2">
      <c r="A27" s="29" t="s">
        <v>421</v>
      </c>
      <c r="B27" s="424">
        <v>1504729.69</v>
      </c>
      <c r="C27" s="424">
        <v>1504729.69</v>
      </c>
      <c r="D27" s="513">
        <v>1504729.69</v>
      </c>
      <c r="E27" s="513">
        <v>1504729.69</v>
      </c>
      <c r="F27" s="424">
        <v>1504729.69</v>
      </c>
      <c r="G27" s="424">
        <v>1504729.69</v>
      </c>
      <c r="H27" s="424">
        <v>1504729.69</v>
      </c>
    </row>
    <row r="28" spans="1:9" ht="10.5" x14ac:dyDescent="0.2">
      <c r="A28" s="29" t="s">
        <v>422</v>
      </c>
      <c r="B28" s="424">
        <v>4038440.55</v>
      </c>
      <c r="C28" s="424">
        <v>7397516.4800000004</v>
      </c>
      <c r="D28" s="513">
        <v>10542583.23</v>
      </c>
      <c r="E28" s="513">
        <v>7251063.7300000004</v>
      </c>
      <c r="F28" s="424">
        <v>7230465.2699999996</v>
      </c>
      <c r="G28" s="424">
        <v>8386749.8300000001</v>
      </c>
      <c r="H28" s="424">
        <v>7641073.2000000002</v>
      </c>
    </row>
    <row r="29" spans="1:9" ht="10.5" x14ac:dyDescent="0.2">
      <c r="A29" s="29" t="s">
        <v>423</v>
      </c>
      <c r="B29" s="424">
        <v>72507414.430000007</v>
      </c>
      <c r="C29" s="424">
        <v>70146489.019999996</v>
      </c>
      <c r="D29" s="513">
        <v>65333972.869999997</v>
      </c>
      <c r="E29" s="513">
        <v>68285020.739999995</v>
      </c>
      <c r="F29" s="424">
        <v>64494737.859999999</v>
      </c>
      <c r="G29" s="424">
        <v>73627497.010000005</v>
      </c>
      <c r="H29" s="424">
        <v>72069756.829999998</v>
      </c>
    </row>
    <row r="30" spans="1:9" ht="10.5" x14ac:dyDescent="0.2">
      <c r="A30" s="29" t="s">
        <v>424</v>
      </c>
      <c r="B30" s="424">
        <v>44711553.189999998</v>
      </c>
      <c r="C30" s="424">
        <v>47968553.980000019</v>
      </c>
      <c r="D30" s="513">
        <v>49903696.70000001</v>
      </c>
      <c r="E30" s="513">
        <v>47457669.449999988</v>
      </c>
      <c r="F30" s="424">
        <v>49190496.620000005</v>
      </c>
      <c r="G30" s="424">
        <v>84997898.540000007</v>
      </c>
      <c r="H30" s="424">
        <v>61882608.590000004</v>
      </c>
    </row>
    <row r="31" spans="1:9" ht="10.5" x14ac:dyDescent="0.2">
      <c r="A31" s="29" t="s">
        <v>183</v>
      </c>
      <c r="B31" s="424">
        <v>14739297.310000001</v>
      </c>
      <c r="C31" s="424">
        <v>11576354.65</v>
      </c>
      <c r="D31" s="513">
        <v>12225296.25</v>
      </c>
      <c r="E31" s="513">
        <v>13589846.07</v>
      </c>
      <c r="F31" s="424">
        <v>12671137.789999999</v>
      </c>
      <c r="G31" s="424">
        <v>9153373.8000000007</v>
      </c>
      <c r="H31" s="424">
        <v>12771526.27</v>
      </c>
    </row>
    <row r="32" spans="1:9" s="66" customFormat="1" ht="10.5" x14ac:dyDescent="0.2">
      <c r="A32" s="128" t="s">
        <v>184</v>
      </c>
      <c r="B32" s="422">
        <v>319337249.94</v>
      </c>
      <c r="C32" s="422">
        <v>292334031.92999995</v>
      </c>
      <c r="D32" s="422">
        <v>326372565.22999996</v>
      </c>
      <c r="E32" s="422">
        <v>317775144.68000001</v>
      </c>
      <c r="F32" s="422">
        <v>287324973.38</v>
      </c>
      <c r="G32" s="422">
        <v>294352118.26999998</v>
      </c>
      <c r="H32" s="422">
        <v>307179950.60000002</v>
      </c>
      <c r="I32" s="155"/>
    </row>
    <row r="33" spans="1:16" ht="10.5" x14ac:dyDescent="0.2">
      <c r="A33" s="29" t="s">
        <v>185</v>
      </c>
      <c r="B33" s="424">
        <v>164255917.31</v>
      </c>
      <c r="C33" s="424">
        <v>157946061.63999999</v>
      </c>
      <c r="D33" s="513">
        <v>164468808.94999999</v>
      </c>
      <c r="E33" s="513">
        <v>165483795.09999999</v>
      </c>
      <c r="F33" s="424">
        <v>160848038.90000001</v>
      </c>
      <c r="G33" s="424">
        <v>162234780.44999999</v>
      </c>
      <c r="H33" s="424">
        <v>157568838.93000001</v>
      </c>
    </row>
    <row r="34" spans="1:16" ht="10.5" x14ac:dyDescent="0.2">
      <c r="A34" s="29" t="s">
        <v>365</v>
      </c>
      <c r="B34" s="424">
        <v>41694061.960000001</v>
      </c>
      <c r="C34" s="424">
        <v>25579114.379999999</v>
      </c>
      <c r="D34" s="513">
        <v>54529832.380000003</v>
      </c>
      <c r="E34" s="513">
        <v>41146004.380000003</v>
      </c>
      <c r="F34" s="424">
        <v>21177747.449999999</v>
      </c>
      <c r="G34" s="424">
        <v>24721524.100000001</v>
      </c>
      <c r="H34" s="424">
        <v>41639238.020000003</v>
      </c>
    </row>
    <row r="35" spans="1:16" ht="10.5" x14ac:dyDescent="0.2">
      <c r="A35" s="29" t="s">
        <v>425</v>
      </c>
      <c r="B35" s="513">
        <v>0</v>
      </c>
      <c r="C35" s="513">
        <v>0</v>
      </c>
      <c r="D35" s="513">
        <v>303287.26</v>
      </c>
      <c r="E35" s="513">
        <v>125720.15</v>
      </c>
      <c r="F35" s="424">
        <v>0</v>
      </c>
      <c r="G35" s="424">
        <v>0</v>
      </c>
      <c r="H35" s="424">
        <v>189831.03</v>
      </c>
    </row>
    <row r="36" spans="1:16" ht="10.5" x14ac:dyDescent="0.2">
      <c r="A36" s="29" t="s">
        <v>223</v>
      </c>
      <c r="B36" s="513">
        <v>0</v>
      </c>
      <c r="C36" s="424">
        <v>30967.25</v>
      </c>
      <c r="D36" s="513">
        <v>14908.63</v>
      </c>
      <c r="E36" s="513">
        <v>-32449.88</v>
      </c>
      <c r="F36" s="424">
        <v>-7556</v>
      </c>
      <c r="G36" s="424">
        <v>0</v>
      </c>
      <c r="H36" s="424">
        <v>0</v>
      </c>
    </row>
    <row r="37" spans="1:16" s="66" customFormat="1" ht="10.5" x14ac:dyDescent="0.2">
      <c r="A37" s="29" t="s">
        <v>226</v>
      </c>
      <c r="B37" s="424">
        <v>113387270.67</v>
      </c>
      <c r="C37" s="424">
        <v>108777888.66</v>
      </c>
      <c r="D37" s="513">
        <v>107055728.01000001</v>
      </c>
      <c r="E37" s="513">
        <v>111052074.93000001</v>
      </c>
      <c r="F37" s="424">
        <v>105306743.03</v>
      </c>
      <c r="G37" s="424">
        <v>107395813.72</v>
      </c>
      <c r="H37" s="424">
        <v>107782042.62</v>
      </c>
      <c r="I37" s="155"/>
    </row>
    <row r="38" spans="1:16" s="66" customFormat="1" ht="15" customHeight="1" x14ac:dyDescent="0.2">
      <c r="A38" s="27" t="s">
        <v>234</v>
      </c>
      <c r="B38" s="436">
        <v>686722991.47999978</v>
      </c>
      <c r="C38" s="436">
        <v>678230693.58000016</v>
      </c>
      <c r="D38" s="436">
        <v>668511788.90999985</v>
      </c>
      <c r="E38" s="362">
        <v>681477519.47000003</v>
      </c>
      <c r="F38" s="436">
        <v>688524893.60000002</v>
      </c>
      <c r="G38" s="362">
        <v>723009563.61999989</v>
      </c>
      <c r="H38" s="436">
        <v>713945835.92999983</v>
      </c>
      <c r="I38" s="155"/>
    </row>
    <row r="39" spans="1:16" ht="6" customHeight="1" x14ac:dyDescent="0.2">
      <c r="A39" s="783"/>
      <c r="B39" s="783"/>
      <c r="C39" s="783"/>
      <c r="D39" s="783"/>
      <c r="E39" s="783"/>
      <c r="F39" s="783"/>
      <c r="G39" s="783"/>
      <c r="H39" s="783"/>
    </row>
    <row r="40" spans="1:16" s="26" customFormat="1" ht="6" customHeight="1" x14ac:dyDescent="0.2">
      <c r="B40" s="299"/>
      <c r="C40" s="299"/>
      <c r="D40" s="299"/>
      <c r="E40" s="299"/>
      <c r="F40" s="299"/>
      <c r="G40" s="299"/>
      <c r="H40" s="299"/>
      <c r="I40" s="112"/>
    </row>
    <row r="41" spans="1:16" ht="11.25" customHeight="1" x14ac:dyDescent="0.2">
      <c r="A41" s="127"/>
      <c r="B41" s="779" t="s">
        <v>172</v>
      </c>
      <c r="C41" s="780"/>
      <c r="D41" s="780"/>
      <c r="E41" s="780"/>
      <c r="F41" s="780"/>
      <c r="G41" s="311" t="s">
        <v>170</v>
      </c>
      <c r="H41" s="311" t="s">
        <v>108</v>
      </c>
    </row>
    <row r="42" spans="1:16" ht="11.25" customHeight="1" x14ac:dyDescent="0.2">
      <c r="A42" s="267" t="s">
        <v>173</v>
      </c>
      <c r="B42" s="781"/>
      <c r="C42" s="782"/>
      <c r="D42" s="782"/>
      <c r="E42" s="782"/>
      <c r="F42" s="782"/>
      <c r="G42" s="312" t="s">
        <v>174</v>
      </c>
      <c r="H42" s="312" t="s">
        <v>112</v>
      </c>
    </row>
    <row r="43" spans="1:16" ht="15" customHeight="1" x14ac:dyDescent="0.2">
      <c r="A43" s="49"/>
      <c r="B43" s="679" t="s">
        <v>870</v>
      </c>
      <c r="C43" s="679" t="s">
        <v>871</v>
      </c>
      <c r="D43" s="679" t="s">
        <v>872</v>
      </c>
      <c r="E43" s="454" t="s">
        <v>906</v>
      </c>
      <c r="F43" s="454" t="s">
        <v>907</v>
      </c>
      <c r="G43" s="309" t="s">
        <v>175</v>
      </c>
      <c r="H43" s="316" t="s">
        <v>873</v>
      </c>
    </row>
    <row r="44" spans="1:16" s="66" customFormat="1" ht="10.5" x14ac:dyDescent="0.2">
      <c r="A44" s="128" t="s">
        <v>176</v>
      </c>
      <c r="B44" s="511">
        <v>1121384362.0599999</v>
      </c>
      <c r="C44" s="511">
        <v>1248841918.9300001</v>
      </c>
      <c r="D44" s="511">
        <v>1072939683.77</v>
      </c>
      <c r="E44" s="511">
        <v>1065475455.62</v>
      </c>
      <c r="F44" s="511">
        <v>1163169160.28</v>
      </c>
      <c r="G44" s="511">
        <v>12656909901.279999</v>
      </c>
      <c r="H44" s="514">
        <v>13404456200</v>
      </c>
      <c r="I44" s="155"/>
      <c r="O44" s="205"/>
      <c r="P44" s="205"/>
    </row>
    <row r="45" spans="1:16" ht="10.5" x14ac:dyDescent="0.2">
      <c r="A45" s="29" t="s">
        <v>177</v>
      </c>
      <c r="B45" s="424">
        <v>746714641.68999994</v>
      </c>
      <c r="C45" s="424">
        <v>921533301.37000012</v>
      </c>
      <c r="D45" s="424">
        <v>723324545.7099998</v>
      </c>
      <c r="E45" s="424">
        <v>746476446.37</v>
      </c>
      <c r="F45" s="424">
        <v>771463812.99000001</v>
      </c>
      <c r="G45" s="424">
        <v>8676010215.1299992</v>
      </c>
      <c r="H45" s="512">
        <v>9027845600</v>
      </c>
      <c r="O45" s="204"/>
      <c r="P45" s="205"/>
    </row>
    <row r="46" spans="1:16" ht="10.5" x14ac:dyDescent="0.2">
      <c r="A46" s="29" t="s">
        <v>416</v>
      </c>
      <c r="B46" s="424">
        <v>563798404.13</v>
      </c>
      <c r="C46" s="424">
        <v>597156953.74000001</v>
      </c>
      <c r="D46" s="424">
        <v>591768563.52999997</v>
      </c>
      <c r="E46" s="424">
        <v>610693516.91999996</v>
      </c>
      <c r="F46" s="424">
        <v>646022277.40999997</v>
      </c>
      <c r="G46" s="424">
        <v>7110994360.0099993</v>
      </c>
      <c r="H46" s="515">
        <v>7655071400</v>
      </c>
      <c r="O46" s="204"/>
      <c r="P46" s="205"/>
    </row>
    <row r="47" spans="1:16" ht="10.5" x14ac:dyDescent="0.2">
      <c r="A47" s="29" t="s">
        <v>417</v>
      </c>
      <c r="B47" s="424">
        <v>27298786.489999998</v>
      </c>
      <c r="C47" s="424">
        <v>241836841.94</v>
      </c>
      <c r="D47" s="424">
        <v>46897280.259999998</v>
      </c>
      <c r="E47" s="424">
        <v>43443299.909999996</v>
      </c>
      <c r="F47" s="424">
        <v>38902234.469999999</v>
      </c>
      <c r="G47" s="424">
        <v>471205086.02999997</v>
      </c>
      <c r="H47" s="515">
        <v>317100000</v>
      </c>
      <c r="O47" s="204"/>
      <c r="P47" s="205"/>
    </row>
    <row r="48" spans="1:16" ht="10.5" x14ac:dyDescent="0.2">
      <c r="A48" s="29" t="s">
        <v>418</v>
      </c>
      <c r="B48" s="424">
        <v>27108414.43</v>
      </c>
      <c r="C48" s="424">
        <v>19082923.440000001</v>
      </c>
      <c r="D48" s="424">
        <v>21030201.420000002</v>
      </c>
      <c r="E48" s="424">
        <v>14155551.82</v>
      </c>
      <c r="F48" s="424">
        <v>9150231.5</v>
      </c>
      <c r="G48" s="424">
        <v>154637542.38</v>
      </c>
      <c r="H48" s="515">
        <v>114800000</v>
      </c>
      <c r="O48" s="204"/>
      <c r="P48" s="205"/>
    </row>
    <row r="49" spans="1:16" ht="10.5" x14ac:dyDescent="0.2">
      <c r="A49" s="29" t="s">
        <v>415</v>
      </c>
      <c r="B49" s="424">
        <v>102080414.88</v>
      </c>
      <c r="C49" s="424">
        <v>42376082.43</v>
      </c>
      <c r="D49" s="424">
        <v>43610514.439999998</v>
      </c>
      <c r="E49" s="424">
        <v>54752162.990000002</v>
      </c>
      <c r="F49" s="424">
        <v>55857304.479999997</v>
      </c>
      <c r="G49" s="424">
        <v>633811506.26999998</v>
      </c>
      <c r="H49" s="515">
        <v>588500000</v>
      </c>
      <c r="O49" s="204"/>
      <c r="P49" s="205"/>
    </row>
    <row r="50" spans="1:16" ht="10.5" x14ac:dyDescent="0.2">
      <c r="A50" s="29" t="s">
        <v>419</v>
      </c>
      <c r="B50" s="424">
        <v>26428621.760000002</v>
      </c>
      <c r="C50" s="424">
        <v>21080499.82</v>
      </c>
      <c r="D50" s="424">
        <v>20017986.059999999</v>
      </c>
      <c r="E50" s="424">
        <v>23431914.73</v>
      </c>
      <c r="F50" s="424">
        <v>21531765.129999999</v>
      </c>
      <c r="G50" s="424">
        <v>305361720.44</v>
      </c>
      <c r="H50" s="515">
        <v>352374200</v>
      </c>
      <c r="O50" s="204"/>
      <c r="P50" s="205"/>
    </row>
    <row r="51" spans="1:16" ht="10.5" x14ac:dyDescent="0.2">
      <c r="A51" s="29" t="s">
        <v>178</v>
      </c>
      <c r="B51" s="424">
        <v>54070208.149999999</v>
      </c>
      <c r="C51" s="424">
        <v>24000744.23</v>
      </c>
      <c r="D51" s="424">
        <v>28059780.27</v>
      </c>
      <c r="E51" s="424">
        <v>40720936.969999999</v>
      </c>
      <c r="F51" s="424">
        <v>34436010.299999997</v>
      </c>
      <c r="G51" s="424">
        <v>430696299.36999995</v>
      </c>
      <c r="H51" s="515">
        <v>411000000</v>
      </c>
      <c r="O51" s="204"/>
      <c r="P51" s="205"/>
    </row>
    <row r="52" spans="1:16" ht="10.5" x14ac:dyDescent="0.2">
      <c r="A52" s="29" t="s">
        <v>179</v>
      </c>
      <c r="B52" s="424">
        <v>23635513.210000001</v>
      </c>
      <c r="C52" s="424">
        <v>21980605.399999999</v>
      </c>
      <c r="D52" s="424">
        <v>19046142.210000001</v>
      </c>
      <c r="E52" s="424">
        <v>20999525.629999999</v>
      </c>
      <c r="F52" s="424">
        <v>32122187.140000001</v>
      </c>
      <c r="G52" s="424">
        <v>217394613.50999999</v>
      </c>
      <c r="H52" s="515">
        <v>128398100</v>
      </c>
      <c r="O52" s="204"/>
      <c r="P52" s="205"/>
    </row>
    <row r="53" spans="1:16" ht="10.5" x14ac:dyDescent="0.2">
      <c r="A53" s="29" t="s">
        <v>180</v>
      </c>
      <c r="B53" s="424">
        <v>0</v>
      </c>
      <c r="C53" s="424">
        <v>0</v>
      </c>
      <c r="D53" s="424">
        <v>0</v>
      </c>
      <c r="E53" s="424">
        <v>0</v>
      </c>
      <c r="F53" s="424">
        <v>0</v>
      </c>
      <c r="G53" s="424">
        <v>0</v>
      </c>
      <c r="H53" s="512">
        <v>0</v>
      </c>
      <c r="O53" s="204"/>
      <c r="P53" s="205"/>
    </row>
    <row r="54" spans="1:16" ht="10.5" x14ac:dyDescent="0.2">
      <c r="A54" s="29" t="s">
        <v>181</v>
      </c>
      <c r="B54" s="424">
        <v>0</v>
      </c>
      <c r="C54" s="424">
        <v>0</v>
      </c>
      <c r="D54" s="424">
        <v>0</v>
      </c>
      <c r="E54" s="424">
        <v>0</v>
      </c>
      <c r="F54" s="424">
        <v>0</v>
      </c>
      <c r="G54" s="424">
        <v>0</v>
      </c>
      <c r="H54" s="512">
        <v>0</v>
      </c>
      <c r="O54" s="204"/>
      <c r="P54" s="205"/>
    </row>
    <row r="55" spans="1:16" ht="10.5" x14ac:dyDescent="0.2">
      <c r="A55" s="29" t="s">
        <v>186</v>
      </c>
      <c r="B55" s="424">
        <v>49028947.229999997</v>
      </c>
      <c r="C55" s="424">
        <v>34355209.799999997</v>
      </c>
      <c r="D55" s="424">
        <v>31589484.949999999</v>
      </c>
      <c r="E55" s="424">
        <v>38686460.57</v>
      </c>
      <c r="F55" s="424">
        <v>40531331.159999996</v>
      </c>
      <c r="G55" s="424">
        <v>488027801.60000002</v>
      </c>
      <c r="H55" s="515">
        <v>530646800</v>
      </c>
      <c r="O55" s="204"/>
      <c r="P55" s="205"/>
    </row>
    <row r="56" spans="1:16" ht="10.5" x14ac:dyDescent="0.2">
      <c r="A56" s="29" t="s">
        <v>182</v>
      </c>
      <c r="B56" s="424">
        <v>234808987.07999998</v>
      </c>
      <c r="C56" s="424">
        <v>237028617.94999996</v>
      </c>
      <c r="D56" s="424">
        <v>263624754.19000003</v>
      </c>
      <c r="E56" s="424">
        <v>208737938.69999999</v>
      </c>
      <c r="F56" s="424">
        <v>266492629.47999996</v>
      </c>
      <c r="G56" s="424">
        <v>2699712321.6199999</v>
      </c>
      <c r="H56" s="512">
        <v>3097934400</v>
      </c>
      <c r="O56" s="204"/>
      <c r="P56" s="205"/>
    </row>
    <row r="57" spans="1:16" ht="10.5" x14ac:dyDescent="0.2">
      <c r="A57" s="29" t="s">
        <v>420</v>
      </c>
      <c r="B57" s="424">
        <v>94815083.159999996</v>
      </c>
      <c r="C57" s="424">
        <v>90344216.370000005</v>
      </c>
      <c r="D57" s="424">
        <v>113372572.09</v>
      </c>
      <c r="E57" s="424">
        <v>68697766.890000001</v>
      </c>
      <c r="F57" s="424">
        <v>81666891.049999997</v>
      </c>
      <c r="G57" s="424">
        <v>1002317557.83</v>
      </c>
      <c r="H57" s="515">
        <v>1164100000</v>
      </c>
      <c r="O57" s="204"/>
      <c r="P57" s="205"/>
    </row>
    <row r="58" spans="1:16" ht="10.5" x14ac:dyDescent="0.2">
      <c r="A58" s="29" t="s">
        <v>421</v>
      </c>
      <c r="B58" s="424">
        <v>1504729.69</v>
      </c>
      <c r="C58" s="424">
        <v>1504729.69</v>
      </c>
      <c r="D58" s="424">
        <v>1504729.69</v>
      </c>
      <c r="E58" s="424">
        <v>1504729.69</v>
      </c>
      <c r="F58" s="424">
        <v>1504729.69</v>
      </c>
      <c r="G58" s="424">
        <v>18056756.279999997</v>
      </c>
      <c r="H58" s="515">
        <v>18100000</v>
      </c>
      <c r="O58" s="204"/>
      <c r="P58" s="205"/>
    </row>
    <row r="59" spans="1:16" ht="10.5" x14ac:dyDescent="0.2">
      <c r="A59" s="29" t="s">
        <v>422</v>
      </c>
      <c r="B59" s="424">
        <v>7545093.4199999999</v>
      </c>
      <c r="C59" s="424">
        <v>8756482.0800000001</v>
      </c>
      <c r="D59" s="424">
        <v>6762659.7000000002</v>
      </c>
      <c r="E59" s="424">
        <v>6602487.1200000001</v>
      </c>
      <c r="F59" s="424">
        <v>6774709.3799999999</v>
      </c>
      <c r="G59" s="424">
        <v>88929323.99000001</v>
      </c>
      <c r="H59" s="515">
        <v>118900000</v>
      </c>
      <c r="O59" s="204"/>
      <c r="P59" s="205"/>
    </row>
    <row r="60" spans="1:16" ht="10.5" x14ac:dyDescent="0.2">
      <c r="A60" s="29" t="s">
        <v>423</v>
      </c>
      <c r="B60" s="424">
        <v>72920154.700000003</v>
      </c>
      <c r="C60" s="424">
        <v>75390973.25</v>
      </c>
      <c r="D60" s="424">
        <v>93082638.75</v>
      </c>
      <c r="E60" s="424">
        <v>70186188.950000003</v>
      </c>
      <c r="F60" s="424">
        <v>74695615.099999994</v>
      </c>
      <c r="G60" s="424">
        <v>872740459.51000011</v>
      </c>
      <c r="H60" s="515">
        <v>922938000</v>
      </c>
      <c r="O60" s="204"/>
      <c r="P60" s="205"/>
    </row>
    <row r="61" spans="1:16" ht="10.5" x14ac:dyDescent="0.2">
      <c r="A61" s="29" t="s">
        <v>424</v>
      </c>
      <c r="B61" s="424">
        <v>58023926.109999999</v>
      </c>
      <c r="C61" s="424">
        <v>61032216.559999973</v>
      </c>
      <c r="D61" s="424">
        <v>48902153.960000001</v>
      </c>
      <c r="E61" s="424">
        <v>61746766.049999997</v>
      </c>
      <c r="F61" s="424">
        <v>101850684.26000001</v>
      </c>
      <c r="G61" s="424">
        <v>717668224.00999999</v>
      </c>
      <c r="H61" s="625">
        <v>873896400</v>
      </c>
      <c r="O61" s="204"/>
      <c r="P61" s="205"/>
    </row>
    <row r="62" spans="1:16" ht="10.5" x14ac:dyDescent="0.2">
      <c r="A62" s="29" t="s">
        <v>183</v>
      </c>
      <c r="B62" s="424">
        <v>13126064.699999999</v>
      </c>
      <c r="C62" s="424">
        <v>9943440.1799999997</v>
      </c>
      <c r="D62" s="424">
        <v>7294976.4400000004</v>
      </c>
      <c r="E62" s="424">
        <v>9854147.3800000008</v>
      </c>
      <c r="F62" s="424">
        <v>18123189.210000001</v>
      </c>
      <c r="G62" s="424">
        <v>145068650.05000001</v>
      </c>
      <c r="H62" s="515">
        <v>208631300</v>
      </c>
      <c r="O62" s="204"/>
      <c r="P62" s="205"/>
    </row>
    <row r="63" spans="1:16" s="66" customFormat="1" ht="10.5" x14ac:dyDescent="0.2">
      <c r="A63" s="129" t="s">
        <v>184</v>
      </c>
      <c r="B63" s="422">
        <v>301383847.33999997</v>
      </c>
      <c r="C63" s="422">
        <v>335757239.55000001</v>
      </c>
      <c r="D63" s="422">
        <v>427089836.84400004</v>
      </c>
      <c r="E63" s="422">
        <v>343589317.54999995</v>
      </c>
      <c r="F63" s="422">
        <v>357949349.91999996</v>
      </c>
      <c r="G63" s="422">
        <v>3910445625.2340002</v>
      </c>
      <c r="H63" s="516">
        <v>4108290300</v>
      </c>
      <c r="I63" s="155"/>
      <c r="O63" s="205"/>
      <c r="P63" s="205"/>
    </row>
    <row r="64" spans="1:16" ht="10.5" x14ac:dyDescent="0.2">
      <c r="A64" s="29" t="s">
        <v>185</v>
      </c>
      <c r="B64" s="424">
        <v>133428566.73999999</v>
      </c>
      <c r="C64" s="424">
        <v>172406565.69</v>
      </c>
      <c r="D64" s="424">
        <v>275933230.48400003</v>
      </c>
      <c r="E64" s="424">
        <v>187308308.13999999</v>
      </c>
      <c r="F64" s="424">
        <v>201435022.53</v>
      </c>
      <c r="G64" s="424">
        <v>2103317934.8640001</v>
      </c>
      <c r="H64" s="515">
        <v>2199871000</v>
      </c>
      <c r="O64" s="204"/>
      <c r="P64" s="205"/>
    </row>
    <row r="65" spans="1:16" ht="10.5" x14ac:dyDescent="0.2">
      <c r="A65" s="29" t="s">
        <v>365</v>
      </c>
      <c r="B65" s="424">
        <v>54011287.420000002</v>
      </c>
      <c r="C65" s="424">
        <v>23930991.16</v>
      </c>
      <c r="D65" s="424">
        <v>27995465.239999998</v>
      </c>
      <c r="E65" s="424">
        <v>40585136.399999999</v>
      </c>
      <c r="F65" s="424">
        <v>34436010.299999997</v>
      </c>
      <c r="G65" s="424">
        <v>431446413.19</v>
      </c>
      <c r="H65" s="515">
        <v>383000000</v>
      </c>
      <c r="O65" s="204"/>
      <c r="P65" s="205"/>
    </row>
    <row r="66" spans="1:16" ht="10.5" x14ac:dyDescent="0.2">
      <c r="A66" s="29" t="s">
        <v>425</v>
      </c>
      <c r="B66" s="424">
        <v>58920.73</v>
      </c>
      <c r="C66" s="424">
        <v>69753.070000000007</v>
      </c>
      <c r="D66" s="424">
        <v>64315.03</v>
      </c>
      <c r="E66" s="424">
        <v>135800.57</v>
      </c>
      <c r="F66" s="424">
        <v>0</v>
      </c>
      <c r="G66" s="424">
        <v>947627.84000000008</v>
      </c>
      <c r="H66" s="515">
        <v>28000000</v>
      </c>
      <c r="O66" s="204"/>
      <c r="P66" s="205"/>
    </row>
    <row r="67" spans="1:16" ht="10.5" x14ac:dyDescent="0.2">
      <c r="A67" s="29" t="s">
        <v>223</v>
      </c>
      <c r="B67" s="424">
        <v>0</v>
      </c>
      <c r="C67" s="424">
        <v>0</v>
      </c>
      <c r="D67" s="424">
        <v>0</v>
      </c>
      <c r="E67" s="424">
        <v>0</v>
      </c>
      <c r="F67" s="424">
        <v>0</v>
      </c>
      <c r="G67" s="424">
        <v>5869.9999999999964</v>
      </c>
      <c r="H67" s="515">
        <v>31897000</v>
      </c>
      <c r="O67" s="204"/>
      <c r="P67" s="205"/>
    </row>
    <row r="68" spans="1:16" s="66" customFormat="1" ht="10.5" x14ac:dyDescent="0.2">
      <c r="A68" s="29" t="s">
        <v>226</v>
      </c>
      <c r="B68" s="424">
        <v>113885072.45</v>
      </c>
      <c r="C68" s="424">
        <v>139349929.63000003</v>
      </c>
      <c r="D68" s="424">
        <v>123096826.09000002</v>
      </c>
      <c r="E68" s="424">
        <v>115560072.44</v>
      </c>
      <c r="F68" s="424">
        <v>122078317.09</v>
      </c>
      <c r="G68" s="424">
        <v>1374727779.3399999</v>
      </c>
      <c r="H68" s="515">
        <v>1465522300</v>
      </c>
      <c r="I68" s="217"/>
      <c r="J68" s="264"/>
      <c r="K68" s="264"/>
      <c r="L68" s="264"/>
      <c r="O68" s="205"/>
      <c r="P68" s="205"/>
    </row>
    <row r="69" spans="1:16" s="66" customFormat="1" ht="15" customHeight="1" x14ac:dyDescent="0.2">
      <c r="A69" s="27" t="s">
        <v>234</v>
      </c>
      <c r="B69" s="362">
        <v>820000514.72000003</v>
      </c>
      <c r="C69" s="362">
        <v>913084679.38000011</v>
      </c>
      <c r="D69" s="362">
        <v>645849846.92599988</v>
      </c>
      <c r="E69" s="362">
        <v>721886138.07000005</v>
      </c>
      <c r="F69" s="362">
        <v>805219810.36000001</v>
      </c>
      <c r="G69" s="362">
        <v>8746464276.0459976</v>
      </c>
      <c r="H69" s="436">
        <v>9296165900</v>
      </c>
      <c r="I69" s="155"/>
      <c r="O69" s="205"/>
      <c r="P69" s="205"/>
    </row>
    <row r="70" spans="1:16" ht="10.5" x14ac:dyDescent="0.2">
      <c r="A70" s="74" t="s">
        <v>848</v>
      </c>
      <c r="B70" s="313"/>
      <c r="C70" s="313"/>
      <c r="D70" s="313"/>
      <c r="E70" s="313"/>
      <c r="F70" s="313"/>
      <c r="G70" s="313"/>
      <c r="H70" s="314"/>
    </row>
    <row r="79" spans="1:16" s="45" customFormat="1" ht="11.25" customHeight="1" x14ac:dyDescent="0.2"/>
    <row r="80" spans="1:16" s="45" customFormat="1" ht="11.25" customHeight="1" x14ac:dyDescent="0.2"/>
    <row r="81" s="45" customFormat="1" ht="11.25" customHeight="1" x14ac:dyDescent="0.2"/>
    <row r="82" s="45" customFormat="1" ht="11.25" customHeight="1" x14ac:dyDescent="0.2"/>
    <row r="83" s="45" customFormat="1" ht="11.25" customHeight="1" x14ac:dyDescent="0.2"/>
    <row r="84" s="45" customFormat="1" ht="11.25" customHeight="1" x14ac:dyDescent="0.2"/>
    <row r="85" s="45" customFormat="1" ht="11.25" customHeight="1" x14ac:dyDescent="0.2"/>
  </sheetData>
  <customSheetViews>
    <customSheetView guid="{6DBFA32C-4AA4-4E1D-9A48-697377C64CC3}" showPageBreaks="1" showGridLines="0" fitToPage="1" printArea="1" topLeftCell="A16">
      <selection activeCell="A72" sqref="A72"/>
      <pageMargins left="0.19685039370078741" right="0.19685039370078741" top="0.59055118110236227" bottom="0.19685039370078741" header="0" footer="0"/>
      <printOptions horizontalCentered="1"/>
      <pageSetup paperSize="9" scale="56" orientation="portrait" r:id="rId1"/>
      <headerFooter alignWithMargins="0"/>
    </customSheetView>
    <customSheetView guid="{3AAF6A5F-F9AA-430B-9AD9-1261ECDF41B5}" showPageBreaks="1" showGridLines="0" fitToPage="1" printArea="1" topLeftCell="A39">
      <selection activeCell="E46" sqref="E46"/>
      <pageMargins left="0.19685039370078741" right="0.19685039370078741" top="0.59055118110236227" bottom="0.19685039370078741" header="0" footer="0"/>
      <printOptions horizontalCentered="1"/>
      <pageSetup paperSize="9" scale="55" orientation="portrait" r:id="rId2"/>
      <headerFooter alignWithMargins="0"/>
    </customSheetView>
    <customSheetView guid="{C779D862-DE28-46CD-A428-4AAA1056D1E1}" showPageBreaks="1" showGridLines="0" fitToPage="1" printArea="1">
      <selection activeCell="E46" sqref="E46"/>
      <pageMargins left="0.19685039370078741" right="0.19685039370078741" top="0.59055118110236227" bottom="0.19685039370078741" header="0" footer="0"/>
      <printOptions horizontalCentered="1"/>
      <pageSetup paperSize="9" scale="55" orientation="portrait" r:id="rId3"/>
      <headerFooter alignWithMargins="0"/>
    </customSheetView>
    <customSheetView guid="{25EF1E0D-169B-4051-B414-7E1196FC05E4}" showGridLines="0" fitToPage="1" topLeftCell="A10">
      <selection activeCell="E32" sqref="E32"/>
      <pageMargins left="0.19685039370078741" right="0.19685039370078741" top="0.59055118110236227" bottom="0.19685039370078741" header="0" footer="0"/>
      <printOptions horizontalCentered="1"/>
      <pageSetup paperSize="9" scale="55" orientation="portrait" r:id="rId4"/>
      <headerFooter alignWithMargins="0"/>
    </customSheetView>
    <customSheetView guid="{B4FED47C-EE37-4843-A570-282D4F8229D4}" showGridLines="0" fitToPage="1">
      <pageMargins left="0.19685039370078741" right="0.19685039370078741" top="0.59055118110236227" bottom="0.19685039370078741" header="0" footer="0"/>
      <printOptions horizontalCentered="1"/>
      <pageSetup paperSize="9" scale="55" orientation="portrait" r:id="rId5"/>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6"/>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7"/>
      <headerFooter alignWithMargins="0"/>
    </customSheetView>
    <customSheetView guid="{82EDB5A4-4824-4632-A540-7A52C92F04C7}" showPageBreaks="1" showGridLines="0" fitToPage="1" printArea="1">
      <selection activeCell="A5" sqref="A5:H5"/>
      <pageMargins left="0.19685039370078741" right="0.19685039370078741" top="0.59055118110236227" bottom="0.19685039370078741" header="0" footer="0"/>
      <printOptions horizontalCentered="1"/>
      <pageSetup paperSize="9" scale="56" orientation="portrait" r:id="rId8"/>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4" orientation="portrait" r:id="rId9"/>
  <headerFooter alignWithMargins="0"/>
  <ignoredErrors>
    <ignoredError sqref="H43" numberStoredAsText="1"/>
  </ignoredErrors>
  <drawing r:id="rId1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136"/>
  <sheetViews>
    <sheetView showGridLines="0" zoomScaleNormal="100" workbookViewId="0"/>
  </sheetViews>
  <sheetFormatPr defaultColWidth="7.85546875" defaultRowHeight="11.25" customHeight="1" x14ac:dyDescent="0.2"/>
  <cols>
    <col min="1" max="1" width="70.7109375" style="179" customWidth="1"/>
    <col min="2" max="3" width="21.7109375" style="179" bestFit="1" customWidth="1"/>
    <col min="4" max="5" width="19" style="179" bestFit="1" customWidth="1"/>
    <col min="6" max="6" width="20.140625" style="178" customWidth="1"/>
    <col min="7" max="7" width="19" style="179" bestFit="1" customWidth="1"/>
    <col min="8" max="8" width="17.42578125" style="179" bestFit="1" customWidth="1"/>
    <col min="9" max="9" width="17.42578125" style="178" bestFit="1" customWidth="1"/>
    <col min="10" max="10" width="7.85546875" style="217"/>
    <col min="11" max="16384" width="7.85546875" style="179"/>
  </cols>
  <sheetData>
    <row r="1" spans="1:11" s="26" customFormat="1" ht="10.5" x14ac:dyDescent="0.2">
      <c r="A1" s="290"/>
      <c r="B1" s="290"/>
      <c r="C1" s="290"/>
      <c r="D1" s="290"/>
      <c r="E1" s="290"/>
      <c r="F1" s="290"/>
      <c r="G1" s="290"/>
      <c r="H1" s="290"/>
      <c r="I1" s="290"/>
      <c r="J1" s="112"/>
    </row>
    <row r="2" spans="1:11" s="26" customFormat="1" ht="11.25" customHeight="1" x14ac:dyDescent="0.2">
      <c r="A2" s="180"/>
      <c r="F2" s="112"/>
      <c r="I2" s="112"/>
      <c r="J2" s="112"/>
    </row>
    <row r="3" spans="1:11" s="45" customFormat="1" ht="11.25" customHeight="1" x14ac:dyDescent="0.2">
      <c r="A3" s="740" t="s">
        <v>638</v>
      </c>
      <c r="B3" s="740"/>
      <c r="C3" s="740"/>
      <c r="D3" s="740"/>
      <c r="E3" s="740"/>
      <c r="F3" s="740"/>
      <c r="G3" s="740"/>
      <c r="H3" s="740"/>
      <c r="I3" s="740"/>
      <c r="J3" s="62"/>
    </row>
    <row r="4" spans="1:11" s="45" customFormat="1" ht="11.25" customHeight="1" x14ac:dyDescent="0.2">
      <c r="A4" s="740" t="s">
        <v>105</v>
      </c>
      <c r="B4" s="740"/>
      <c r="C4" s="740"/>
      <c r="D4" s="740"/>
      <c r="E4" s="740"/>
      <c r="F4" s="740"/>
      <c r="G4" s="740"/>
      <c r="H4" s="740"/>
      <c r="I4" s="740"/>
      <c r="J4" s="62"/>
    </row>
    <row r="5" spans="1:11" s="45" customFormat="1" ht="11.25" customHeight="1" x14ac:dyDescent="0.2">
      <c r="A5" s="740" t="s">
        <v>127</v>
      </c>
      <c r="B5" s="740"/>
      <c r="C5" s="740"/>
      <c r="D5" s="740"/>
      <c r="E5" s="740"/>
      <c r="F5" s="740"/>
      <c r="G5" s="740"/>
      <c r="H5" s="740"/>
      <c r="I5" s="740"/>
      <c r="J5" s="56"/>
    </row>
    <row r="6" spans="1:11" s="45" customFormat="1" ht="11.25" customHeight="1" x14ac:dyDescent="0.2">
      <c r="A6" s="760" t="s">
        <v>739</v>
      </c>
      <c r="B6" s="760"/>
      <c r="C6" s="760"/>
      <c r="D6" s="760"/>
      <c r="E6" s="760"/>
      <c r="F6" s="760"/>
      <c r="G6" s="760"/>
      <c r="H6" s="760"/>
      <c r="I6" s="760"/>
      <c r="J6" s="56"/>
    </row>
    <row r="7" spans="1:11" s="45" customFormat="1" ht="11.25" customHeight="1" x14ac:dyDescent="0.2">
      <c r="A7" s="740" t="s">
        <v>902</v>
      </c>
      <c r="B7" s="740"/>
      <c r="C7" s="740"/>
      <c r="D7" s="740"/>
      <c r="E7" s="740"/>
      <c r="F7" s="740"/>
      <c r="G7" s="740"/>
      <c r="H7" s="740"/>
      <c r="I7" s="740"/>
      <c r="J7" s="56"/>
    </row>
    <row r="8" spans="1:11" s="26" customFormat="1" ht="11.25" customHeight="1" x14ac:dyDescent="0.2">
      <c r="F8" s="112"/>
      <c r="I8" s="112"/>
      <c r="J8" s="112"/>
    </row>
    <row r="9" spans="1:11" s="26" customFormat="1" ht="11.25" customHeight="1" x14ac:dyDescent="0.2">
      <c r="A9" s="26" t="s">
        <v>366</v>
      </c>
      <c r="F9" s="840"/>
      <c r="G9" s="840"/>
      <c r="I9" s="623">
        <v>1</v>
      </c>
      <c r="J9" s="112"/>
    </row>
    <row r="10" spans="1:11" s="66" customFormat="1" ht="15" customHeight="1" x14ac:dyDescent="0.15">
      <c r="A10" s="774" t="s">
        <v>110</v>
      </c>
      <c r="B10" s="838" t="s">
        <v>108</v>
      </c>
      <c r="C10" s="839"/>
      <c r="D10" s="838" t="s">
        <v>108</v>
      </c>
      <c r="E10" s="839"/>
      <c r="F10" s="788" t="s">
        <v>109</v>
      </c>
      <c r="G10" s="820"/>
      <c r="H10" s="820"/>
      <c r="I10" s="820"/>
      <c r="J10" s="155"/>
    </row>
    <row r="11" spans="1:11" s="66" customFormat="1" ht="15" customHeight="1" x14ac:dyDescent="0.2">
      <c r="A11" s="777"/>
      <c r="B11" s="807" t="s">
        <v>111</v>
      </c>
      <c r="C11" s="808"/>
      <c r="D11" s="810" t="s">
        <v>112</v>
      </c>
      <c r="E11" s="777"/>
      <c r="F11" s="772" t="s">
        <v>115</v>
      </c>
      <c r="G11" s="774"/>
      <c r="H11" s="772" t="s">
        <v>115</v>
      </c>
      <c r="I11" s="773"/>
      <c r="J11" s="155"/>
    </row>
    <row r="12" spans="1:11" s="66" customFormat="1" ht="15" customHeight="1" x14ac:dyDescent="0.2">
      <c r="A12" s="778"/>
      <c r="B12" s="789"/>
      <c r="C12" s="809"/>
      <c r="D12" s="811"/>
      <c r="E12" s="778"/>
      <c r="F12" s="807">
        <v>2016</v>
      </c>
      <c r="G12" s="808"/>
      <c r="H12" s="810">
        <v>2015</v>
      </c>
      <c r="I12" s="812"/>
      <c r="J12" s="155"/>
    </row>
    <row r="13" spans="1:11" ht="10.5" x14ac:dyDescent="0.2">
      <c r="A13" s="155" t="s">
        <v>281</v>
      </c>
      <c r="B13" s="711">
        <v>442897000</v>
      </c>
      <c r="C13" s="712"/>
      <c r="D13" s="711">
        <v>533610541.29999995</v>
      </c>
      <c r="E13" s="712"/>
      <c r="F13" s="711">
        <v>129489089.51999998</v>
      </c>
      <c r="G13" s="712"/>
      <c r="H13" s="711">
        <v>57328075.710000001</v>
      </c>
      <c r="I13" s="724"/>
      <c r="J13" s="405"/>
      <c r="K13" s="204"/>
    </row>
    <row r="14" spans="1:11" ht="10.5" x14ac:dyDescent="0.2">
      <c r="A14" s="155" t="s">
        <v>8</v>
      </c>
      <c r="B14" s="709">
        <v>442897000</v>
      </c>
      <c r="C14" s="710"/>
      <c r="D14" s="709">
        <v>533610541.29999995</v>
      </c>
      <c r="E14" s="710"/>
      <c r="F14" s="709">
        <v>129489089.51999998</v>
      </c>
      <c r="G14" s="710"/>
      <c r="H14" s="709">
        <v>57328075.710000001</v>
      </c>
      <c r="I14" s="727"/>
      <c r="J14" s="405"/>
      <c r="K14" s="204"/>
    </row>
    <row r="15" spans="1:11" ht="10.5" x14ac:dyDescent="0.2">
      <c r="A15" s="179" t="s">
        <v>128</v>
      </c>
      <c r="B15" s="697">
        <v>411000000</v>
      </c>
      <c r="C15" s="698"/>
      <c r="D15" s="697">
        <v>488800318.70999998</v>
      </c>
      <c r="E15" s="698"/>
      <c r="F15" s="697">
        <v>116575866.92999998</v>
      </c>
      <c r="G15" s="698"/>
      <c r="H15" s="697">
        <v>54400583.289999999</v>
      </c>
      <c r="I15" s="715"/>
      <c r="J15" s="405"/>
      <c r="K15" s="204"/>
    </row>
    <row r="16" spans="1:11" ht="10.5" x14ac:dyDescent="0.2">
      <c r="A16" s="179" t="s">
        <v>282</v>
      </c>
      <c r="B16" s="697">
        <v>143000000</v>
      </c>
      <c r="C16" s="698"/>
      <c r="D16" s="697">
        <v>220800318.70999998</v>
      </c>
      <c r="E16" s="698"/>
      <c r="F16" s="697">
        <v>101648844.57999998</v>
      </c>
      <c r="G16" s="698"/>
      <c r="H16" s="697">
        <v>50115949.649999999</v>
      </c>
      <c r="I16" s="715"/>
      <c r="J16" s="405"/>
      <c r="K16" s="204"/>
    </row>
    <row r="17" spans="1:11" ht="10.5" x14ac:dyDescent="0.2">
      <c r="A17" s="264" t="s">
        <v>129</v>
      </c>
      <c r="B17" s="697">
        <v>0</v>
      </c>
      <c r="C17" s="698"/>
      <c r="D17" s="697">
        <v>77800318.709999993</v>
      </c>
      <c r="E17" s="698"/>
      <c r="F17" s="697">
        <v>77800318.709999993</v>
      </c>
      <c r="G17" s="698"/>
      <c r="H17" s="697">
        <v>50115949.649999999</v>
      </c>
      <c r="I17" s="715"/>
      <c r="J17" s="405"/>
      <c r="K17" s="204"/>
    </row>
    <row r="18" spans="1:11" ht="10.5" x14ac:dyDescent="0.2">
      <c r="A18" s="179" t="s">
        <v>130</v>
      </c>
      <c r="B18" s="697">
        <v>98000000</v>
      </c>
      <c r="C18" s="698"/>
      <c r="D18" s="697">
        <v>98000000</v>
      </c>
      <c r="E18" s="698"/>
      <c r="F18" s="697">
        <v>19344745.739999998</v>
      </c>
      <c r="G18" s="698"/>
      <c r="H18" s="697">
        <v>0</v>
      </c>
      <c r="I18" s="715"/>
      <c r="J18" s="405"/>
      <c r="K18" s="204"/>
    </row>
    <row r="19" spans="1:11" ht="10.5" x14ac:dyDescent="0.2">
      <c r="A19" s="179" t="s">
        <v>131</v>
      </c>
      <c r="B19" s="697">
        <v>45000000</v>
      </c>
      <c r="C19" s="698"/>
      <c r="D19" s="697">
        <v>45000000</v>
      </c>
      <c r="E19" s="698"/>
      <c r="F19" s="697">
        <v>4503780.13</v>
      </c>
      <c r="G19" s="698"/>
      <c r="H19" s="697">
        <v>0</v>
      </c>
      <c r="I19" s="715"/>
      <c r="J19" s="405"/>
      <c r="K19" s="204"/>
    </row>
    <row r="20" spans="1:11" ht="10.5" x14ac:dyDescent="0.2">
      <c r="A20" s="179" t="s">
        <v>283</v>
      </c>
      <c r="B20" s="697">
        <v>268000000</v>
      </c>
      <c r="C20" s="698"/>
      <c r="D20" s="697">
        <v>268000000</v>
      </c>
      <c r="E20" s="698"/>
      <c r="F20" s="697">
        <v>14927022.35</v>
      </c>
      <c r="G20" s="698"/>
      <c r="H20" s="697">
        <v>4284633.6399999997</v>
      </c>
      <c r="I20" s="715"/>
      <c r="J20" s="405"/>
      <c r="K20" s="204"/>
    </row>
    <row r="21" spans="1:11" ht="10.5" x14ac:dyDescent="0.2">
      <c r="A21" s="179" t="s">
        <v>132</v>
      </c>
      <c r="B21" s="697">
        <v>185000000</v>
      </c>
      <c r="C21" s="698"/>
      <c r="D21" s="697">
        <v>185000000</v>
      </c>
      <c r="E21" s="698"/>
      <c r="F21" s="697">
        <v>10935009.380000001</v>
      </c>
      <c r="G21" s="698"/>
      <c r="H21" s="697">
        <v>4284633.6399999997</v>
      </c>
      <c r="I21" s="715"/>
      <c r="J21" s="405"/>
      <c r="K21" s="204"/>
    </row>
    <row r="22" spans="1:11" ht="10.5" x14ac:dyDescent="0.2">
      <c r="A22" s="179" t="s">
        <v>133</v>
      </c>
      <c r="B22" s="697">
        <v>55000000</v>
      </c>
      <c r="C22" s="698"/>
      <c r="D22" s="697">
        <v>55000000</v>
      </c>
      <c r="E22" s="698"/>
      <c r="F22" s="697">
        <v>3722144.3</v>
      </c>
      <c r="G22" s="698"/>
      <c r="H22" s="697">
        <v>0</v>
      </c>
      <c r="I22" s="715"/>
      <c r="J22" s="405"/>
      <c r="K22" s="204"/>
    </row>
    <row r="23" spans="1:11" ht="10.5" x14ac:dyDescent="0.2">
      <c r="A23" s="179" t="s">
        <v>740</v>
      </c>
      <c r="B23" s="697">
        <v>28000000</v>
      </c>
      <c r="C23" s="698"/>
      <c r="D23" s="697">
        <v>28000000</v>
      </c>
      <c r="E23" s="698"/>
      <c r="F23" s="697">
        <v>269868.67</v>
      </c>
      <c r="G23" s="698"/>
      <c r="H23" s="697">
        <v>0</v>
      </c>
      <c r="I23" s="715"/>
      <c r="J23" s="405"/>
      <c r="K23" s="204"/>
    </row>
    <row r="24" spans="1:11" ht="10.5" x14ac:dyDescent="0.2">
      <c r="A24" s="179" t="s">
        <v>155</v>
      </c>
      <c r="B24" s="697">
        <v>0</v>
      </c>
      <c r="C24" s="698"/>
      <c r="D24" s="697">
        <v>236677.03</v>
      </c>
      <c r="E24" s="698"/>
      <c r="F24" s="697">
        <v>236677.03</v>
      </c>
      <c r="G24" s="698"/>
      <c r="H24" s="697">
        <v>1446217.68</v>
      </c>
      <c r="I24" s="715"/>
      <c r="J24" s="405"/>
      <c r="K24" s="204"/>
    </row>
    <row r="25" spans="1:11" ht="10.5" x14ac:dyDescent="0.2">
      <c r="A25" s="179" t="s">
        <v>311</v>
      </c>
      <c r="B25" s="697">
        <v>0</v>
      </c>
      <c r="C25" s="698"/>
      <c r="D25" s="697">
        <v>12061602.390000001</v>
      </c>
      <c r="E25" s="698"/>
      <c r="F25" s="697">
        <v>12061602.390000001</v>
      </c>
      <c r="G25" s="698"/>
      <c r="H25" s="697">
        <v>112018.61</v>
      </c>
      <c r="I25" s="715"/>
      <c r="J25" s="405"/>
      <c r="K25" s="204"/>
    </row>
    <row r="26" spans="1:11" ht="10.5" x14ac:dyDescent="0.2">
      <c r="A26" s="179" t="s">
        <v>16</v>
      </c>
      <c r="B26" s="697">
        <v>0</v>
      </c>
      <c r="C26" s="698"/>
      <c r="D26" s="697">
        <v>3908</v>
      </c>
      <c r="E26" s="698"/>
      <c r="F26" s="697">
        <v>3908</v>
      </c>
      <c r="G26" s="698"/>
      <c r="H26" s="697">
        <v>4015.47</v>
      </c>
      <c r="I26" s="715"/>
      <c r="J26" s="405"/>
      <c r="K26" s="204"/>
    </row>
    <row r="27" spans="1:11" ht="10.5" x14ac:dyDescent="0.2">
      <c r="A27" s="179" t="s">
        <v>17</v>
      </c>
      <c r="B27" s="697">
        <v>0</v>
      </c>
      <c r="C27" s="698"/>
      <c r="D27" s="697">
        <v>12057694.390000001</v>
      </c>
      <c r="E27" s="698"/>
      <c r="F27" s="697">
        <v>12057694.390000001</v>
      </c>
      <c r="G27" s="698"/>
      <c r="H27" s="697">
        <v>108003.14</v>
      </c>
      <c r="I27" s="715"/>
      <c r="J27" s="405"/>
      <c r="K27" s="204"/>
    </row>
    <row r="28" spans="1:11" ht="10.5" x14ac:dyDescent="0.2">
      <c r="A28" s="179" t="s">
        <v>19</v>
      </c>
      <c r="B28" s="697">
        <v>0</v>
      </c>
      <c r="C28" s="698"/>
      <c r="D28" s="697">
        <v>0</v>
      </c>
      <c r="E28" s="698"/>
      <c r="F28" s="709">
        <v>0</v>
      </c>
      <c r="G28" s="710"/>
      <c r="H28" s="697">
        <v>0</v>
      </c>
      <c r="I28" s="715"/>
      <c r="J28" s="405"/>
      <c r="K28" s="204"/>
    </row>
    <row r="29" spans="1:11" ht="10.5" x14ac:dyDescent="0.2">
      <c r="A29" s="179" t="s">
        <v>227</v>
      </c>
      <c r="B29" s="697">
        <v>0</v>
      </c>
      <c r="C29" s="698"/>
      <c r="D29" s="697">
        <v>0</v>
      </c>
      <c r="E29" s="698"/>
      <c r="F29" s="709">
        <v>0</v>
      </c>
      <c r="G29" s="710"/>
      <c r="H29" s="697">
        <v>0</v>
      </c>
      <c r="I29" s="715"/>
      <c r="J29" s="405"/>
      <c r="K29" s="204"/>
    </row>
    <row r="30" spans="1:11" ht="10.5" x14ac:dyDescent="0.2">
      <c r="A30" s="54" t="s">
        <v>284</v>
      </c>
      <c r="B30" s="697">
        <v>31897000</v>
      </c>
      <c r="C30" s="698"/>
      <c r="D30" s="697">
        <v>32511943.170000002</v>
      </c>
      <c r="E30" s="698"/>
      <c r="F30" s="697">
        <v>614943.16999999993</v>
      </c>
      <c r="G30" s="698"/>
      <c r="H30" s="697">
        <v>1369256.13</v>
      </c>
      <c r="I30" s="715"/>
      <c r="J30" s="405"/>
      <c r="K30" s="204"/>
    </row>
    <row r="31" spans="1:11" ht="10.5" x14ac:dyDescent="0.2">
      <c r="A31" s="122" t="s">
        <v>543</v>
      </c>
      <c r="B31" s="697">
        <v>31897000</v>
      </c>
      <c r="C31" s="698"/>
      <c r="D31" s="697">
        <v>31897000</v>
      </c>
      <c r="E31" s="698"/>
      <c r="F31" s="697">
        <v>0</v>
      </c>
      <c r="G31" s="698"/>
      <c r="H31" s="697">
        <v>887897.9</v>
      </c>
      <c r="I31" s="715"/>
      <c r="J31" s="405"/>
      <c r="K31" s="204"/>
    </row>
    <row r="32" spans="1:11" ht="10.5" x14ac:dyDescent="0.2">
      <c r="A32" s="122" t="s">
        <v>544</v>
      </c>
      <c r="B32" s="697">
        <v>0</v>
      </c>
      <c r="C32" s="698"/>
      <c r="D32" s="697">
        <v>614943.16999999993</v>
      </c>
      <c r="E32" s="698"/>
      <c r="F32" s="697">
        <v>614943.16999999993</v>
      </c>
      <c r="G32" s="698"/>
      <c r="H32" s="697">
        <v>481358.23</v>
      </c>
      <c r="I32" s="715"/>
      <c r="J32" s="405"/>
      <c r="K32" s="45"/>
    </row>
    <row r="33" spans="1:12" ht="10.5" x14ac:dyDescent="0.2">
      <c r="A33" s="156" t="s">
        <v>40</v>
      </c>
      <c r="B33" s="697">
        <v>0</v>
      </c>
      <c r="C33" s="698"/>
      <c r="D33" s="697">
        <v>0</v>
      </c>
      <c r="E33" s="698"/>
      <c r="F33" s="709">
        <v>0</v>
      </c>
      <c r="G33" s="710"/>
      <c r="H33" s="709">
        <v>0</v>
      </c>
      <c r="I33" s="727"/>
      <c r="J33" s="405"/>
      <c r="K33" s="45"/>
    </row>
    <row r="34" spans="1:12" ht="10.5" x14ac:dyDescent="0.2">
      <c r="A34" s="122" t="s">
        <v>120</v>
      </c>
      <c r="B34" s="697">
        <v>0</v>
      </c>
      <c r="C34" s="698"/>
      <c r="D34" s="697">
        <v>0</v>
      </c>
      <c r="E34" s="698"/>
      <c r="F34" s="709">
        <v>0</v>
      </c>
      <c r="G34" s="710"/>
      <c r="H34" s="697"/>
      <c r="I34" s="715"/>
      <c r="J34" s="405"/>
      <c r="K34" s="45"/>
    </row>
    <row r="35" spans="1:12" ht="10.5" x14ac:dyDescent="0.2">
      <c r="A35" s="179" t="s">
        <v>228</v>
      </c>
      <c r="B35" s="697">
        <v>0</v>
      </c>
      <c r="C35" s="698"/>
      <c r="D35" s="697">
        <v>0</v>
      </c>
      <c r="E35" s="698"/>
      <c r="F35" s="709">
        <v>0</v>
      </c>
      <c r="G35" s="710"/>
      <c r="H35" s="697"/>
      <c r="I35" s="715"/>
      <c r="J35" s="405"/>
      <c r="K35" s="45"/>
    </row>
    <row r="36" spans="1:12" ht="10.5" x14ac:dyDescent="0.2">
      <c r="A36" s="122" t="s">
        <v>285</v>
      </c>
      <c r="B36" s="697">
        <v>0</v>
      </c>
      <c r="C36" s="698"/>
      <c r="D36" s="697">
        <v>0</v>
      </c>
      <c r="E36" s="698"/>
      <c r="F36" s="709">
        <v>0</v>
      </c>
      <c r="G36" s="710"/>
      <c r="H36" s="697"/>
      <c r="I36" s="715"/>
      <c r="J36" s="405"/>
      <c r="K36" s="45"/>
    </row>
    <row r="37" spans="1:12" s="66" customFormat="1" ht="10.5" x14ac:dyDescent="0.15">
      <c r="B37" s="697"/>
      <c r="C37" s="698"/>
      <c r="D37" s="697"/>
      <c r="E37" s="698"/>
      <c r="F37" s="709"/>
      <c r="G37" s="710"/>
      <c r="H37" s="697"/>
      <c r="I37" s="715"/>
      <c r="J37" s="203"/>
      <c r="K37" s="690"/>
    </row>
    <row r="38" spans="1:12" ht="15" customHeight="1" x14ac:dyDescent="0.15">
      <c r="A38" s="157" t="s">
        <v>545</v>
      </c>
      <c r="B38" s="703">
        <v>1036054000</v>
      </c>
      <c r="C38" s="704"/>
      <c r="D38" s="703">
        <v>1036054000</v>
      </c>
      <c r="E38" s="704"/>
      <c r="F38" s="703">
        <v>178879240.25</v>
      </c>
      <c r="G38" s="704"/>
      <c r="H38" s="703">
        <v>114072415.95</v>
      </c>
      <c r="I38" s="737"/>
      <c r="J38" s="405"/>
      <c r="K38" s="690"/>
      <c r="L38" s="688"/>
    </row>
    <row r="39" spans="1:12" ht="15" customHeight="1" x14ac:dyDescent="0.2">
      <c r="A39" s="123" t="s">
        <v>758</v>
      </c>
      <c r="B39" s="713">
        <v>1478951000</v>
      </c>
      <c r="C39" s="714"/>
      <c r="D39" s="713">
        <v>1569664541.3</v>
      </c>
      <c r="E39" s="714"/>
      <c r="F39" s="713">
        <v>308368329.76999998</v>
      </c>
      <c r="G39" s="714"/>
      <c r="H39" s="713">
        <v>171400491.66</v>
      </c>
      <c r="I39" s="735"/>
      <c r="J39" s="405"/>
      <c r="K39" s="690"/>
      <c r="L39" s="689"/>
    </row>
    <row r="40" spans="1:12" ht="5.0999999999999996" customHeight="1" x14ac:dyDescent="0.2">
      <c r="A40" s="124"/>
      <c r="B40" s="121"/>
      <c r="C40" s="121"/>
      <c r="D40" s="15"/>
      <c r="E40" s="121"/>
      <c r="F40" s="74"/>
      <c r="G40" s="74"/>
      <c r="H40" s="25"/>
      <c r="I40" s="25"/>
      <c r="L40" s="688"/>
    </row>
    <row r="41" spans="1:12" s="66" customFormat="1" ht="25.5" customHeight="1" x14ac:dyDescent="0.15">
      <c r="A41" s="774" t="s">
        <v>160</v>
      </c>
      <c r="B41" s="200" t="s">
        <v>157</v>
      </c>
      <c r="C41" s="200" t="s">
        <v>157</v>
      </c>
      <c r="D41" s="749" t="s">
        <v>158</v>
      </c>
      <c r="E41" s="751"/>
      <c r="F41" s="790" t="s">
        <v>159</v>
      </c>
      <c r="G41" s="819"/>
      <c r="H41" s="790" t="s">
        <v>347</v>
      </c>
      <c r="I41" s="791"/>
      <c r="J41" s="155"/>
      <c r="K41" s="691"/>
    </row>
    <row r="42" spans="1:12" s="66" customFormat="1" ht="15" customHeight="1" x14ac:dyDescent="0.2">
      <c r="A42" s="777"/>
      <c r="B42" s="804" t="s">
        <v>111</v>
      </c>
      <c r="C42" s="804" t="s">
        <v>112</v>
      </c>
      <c r="D42" s="172" t="s">
        <v>115</v>
      </c>
      <c r="E42" s="172" t="s">
        <v>115</v>
      </c>
      <c r="F42" s="172" t="s">
        <v>115</v>
      </c>
      <c r="G42" s="172" t="s">
        <v>115</v>
      </c>
      <c r="H42" s="786" t="s">
        <v>883</v>
      </c>
      <c r="I42" s="788" t="s">
        <v>884</v>
      </c>
      <c r="J42" s="155"/>
    </row>
    <row r="43" spans="1:12" s="66" customFormat="1" ht="15" customHeight="1" x14ac:dyDescent="0.2">
      <c r="A43" s="778"/>
      <c r="B43" s="776"/>
      <c r="C43" s="776"/>
      <c r="D43" s="173">
        <v>2016</v>
      </c>
      <c r="E43" s="174">
        <v>2015</v>
      </c>
      <c r="F43" s="173">
        <v>2016</v>
      </c>
      <c r="G43" s="174">
        <v>2015</v>
      </c>
      <c r="H43" s="787"/>
      <c r="I43" s="789"/>
      <c r="J43" s="155"/>
    </row>
    <row r="44" spans="1:12" ht="10.5" x14ac:dyDescent="0.2">
      <c r="A44" s="158" t="s">
        <v>134</v>
      </c>
      <c r="B44" s="428">
        <v>1480951000</v>
      </c>
      <c r="C44" s="517">
        <v>1480951000</v>
      </c>
      <c r="D44" s="517">
        <v>1393169779.3700001</v>
      </c>
      <c r="E44" s="517">
        <v>710371599.88</v>
      </c>
      <c r="F44" s="517">
        <v>837684542.12000012</v>
      </c>
      <c r="G44" s="517">
        <v>541949471.09000003</v>
      </c>
      <c r="H44" s="517">
        <v>0</v>
      </c>
      <c r="I44" s="517">
        <v>0</v>
      </c>
    </row>
    <row r="45" spans="1:12" ht="10.5" x14ac:dyDescent="0.2">
      <c r="A45" s="66" t="s">
        <v>280</v>
      </c>
      <c r="B45" s="421">
        <v>15250000</v>
      </c>
      <c r="C45" s="518">
        <v>15211257.25</v>
      </c>
      <c r="D45" s="518">
        <v>2190103.7400000002</v>
      </c>
      <c r="E45" s="518">
        <v>306237.65999999997</v>
      </c>
      <c r="F45" s="518">
        <v>538919.70999999985</v>
      </c>
      <c r="G45" s="518">
        <v>257050.55</v>
      </c>
      <c r="H45" s="518">
        <v>0</v>
      </c>
      <c r="I45" s="517">
        <v>0</v>
      </c>
    </row>
    <row r="46" spans="1:12" ht="10.5" x14ac:dyDescent="0.2">
      <c r="A46" s="26" t="s">
        <v>286</v>
      </c>
      <c r="B46" s="423">
        <v>7800000</v>
      </c>
      <c r="C46" s="519">
        <v>7761257.25</v>
      </c>
      <c r="D46" s="519">
        <v>2190103.7400000002</v>
      </c>
      <c r="E46" s="519">
        <v>306237.65999999997</v>
      </c>
      <c r="F46" s="519">
        <v>538919.70999999985</v>
      </c>
      <c r="G46" s="519">
        <v>257050.55</v>
      </c>
      <c r="H46" s="519">
        <v>0</v>
      </c>
      <c r="I46" s="520">
        <v>0</v>
      </c>
    </row>
    <row r="47" spans="1:12" ht="10.5" x14ac:dyDescent="0.2">
      <c r="A47" s="26" t="s">
        <v>287</v>
      </c>
      <c r="B47" s="423">
        <v>7450000</v>
      </c>
      <c r="C47" s="519">
        <v>7450000</v>
      </c>
      <c r="D47" s="519">
        <v>0</v>
      </c>
      <c r="E47" s="519">
        <v>0</v>
      </c>
      <c r="F47" s="519">
        <v>0</v>
      </c>
      <c r="G47" s="519">
        <v>0</v>
      </c>
      <c r="H47" s="519">
        <v>0</v>
      </c>
      <c r="I47" s="520">
        <v>0</v>
      </c>
    </row>
    <row r="48" spans="1:12" ht="10.5" x14ac:dyDescent="0.2">
      <c r="A48" s="290" t="s">
        <v>135</v>
      </c>
      <c r="B48" s="421">
        <v>1465701000</v>
      </c>
      <c r="C48" s="518">
        <v>1465739742.75</v>
      </c>
      <c r="D48" s="518">
        <v>1390979675.6300001</v>
      </c>
      <c r="E48" s="518">
        <v>710065362.22000003</v>
      </c>
      <c r="F48" s="518">
        <v>837145622.41000009</v>
      </c>
      <c r="G48" s="518">
        <v>541692420.53999996</v>
      </c>
      <c r="H48" s="518">
        <v>0</v>
      </c>
      <c r="I48" s="520">
        <v>0</v>
      </c>
    </row>
    <row r="49" spans="1:11" ht="10.5" x14ac:dyDescent="0.2">
      <c r="A49" s="26" t="s">
        <v>201</v>
      </c>
      <c r="B49" s="423">
        <v>1143281000</v>
      </c>
      <c r="C49" s="519">
        <v>1120502592.27</v>
      </c>
      <c r="D49" s="519">
        <v>1048752515.15</v>
      </c>
      <c r="E49" s="519">
        <v>630790517.96000004</v>
      </c>
      <c r="F49" s="519">
        <v>705136215.44000006</v>
      </c>
      <c r="G49" s="519">
        <v>473152880.05000001</v>
      </c>
      <c r="H49" s="519">
        <v>0</v>
      </c>
      <c r="I49" s="520">
        <v>0</v>
      </c>
    </row>
    <row r="50" spans="1:11" ht="10.5" x14ac:dyDescent="0.2">
      <c r="A50" s="26" t="s">
        <v>288</v>
      </c>
      <c r="B50" s="423">
        <v>929496400</v>
      </c>
      <c r="C50" s="519">
        <v>878044516.55999994</v>
      </c>
      <c r="D50" s="519">
        <v>820466516.19999993</v>
      </c>
      <c r="E50" s="519">
        <v>584472826.90999997</v>
      </c>
      <c r="F50" s="519">
        <v>589840454.56000006</v>
      </c>
      <c r="G50" s="519">
        <v>436120492.67000002</v>
      </c>
      <c r="H50" s="519">
        <v>0</v>
      </c>
      <c r="I50" s="520">
        <v>0</v>
      </c>
    </row>
    <row r="51" spans="1:11" ht="10.5" x14ac:dyDescent="0.2">
      <c r="A51" s="26" t="s">
        <v>289</v>
      </c>
      <c r="B51" s="423">
        <v>196597000</v>
      </c>
      <c r="C51" s="519">
        <v>217144113.31</v>
      </c>
      <c r="D51" s="519">
        <v>202972036.55000001</v>
      </c>
      <c r="E51" s="519">
        <v>44058270.549999997</v>
      </c>
      <c r="F51" s="519">
        <v>110029864.72999999</v>
      </c>
      <c r="G51" s="519">
        <v>35640046.880000003</v>
      </c>
      <c r="H51" s="519">
        <v>0</v>
      </c>
      <c r="I51" s="520">
        <v>0</v>
      </c>
    </row>
    <row r="52" spans="1:11" s="195" customFormat="1" ht="10.5" x14ac:dyDescent="0.15">
      <c r="A52" s="26" t="s">
        <v>290</v>
      </c>
      <c r="B52" s="521">
        <v>17187600</v>
      </c>
      <c r="C52" s="519">
        <v>25313962.399999999</v>
      </c>
      <c r="D52" s="519">
        <v>25313962.399999999</v>
      </c>
      <c r="E52" s="519">
        <v>2259420.48</v>
      </c>
      <c r="F52" s="519">
        <v>5265896.1500000004</v>
      </c>
      <c r="G52" s="519">
        <v>1392340.5</v>
      </c>
      <c r="H52" s="519">
        <v>0</v>
      </c>
      <c r="I52" s="520">
        <v>0</v>
      </c>
      <c r="J52" s="357"/>
    </row>
    <row r="53" spans="1:11" s="195" customFormat="1" ht="10.5" x14ac:dyDescent="0.15">
      <c r="A53" s="26" t="s">
        <v>202</v>
      </c>
      <c r="B53" s="508">
        <v>304920000</v>
      </c>
      <c r="C53" s="519">
        <v>327737150.48000002</v>
      </c>
      <c r="D53" s="519">
        <v>327587150.48000002</v>
      </c>
      <c r="E53" s="519">
        <v>78118698.599999994</v>
      </c>
      <c r="F53" s="519">
        <v>127928030.5</v>
      </c>
      <c r="G53" s="519">
        <v>67383394.890000001</v>
      </c>
      <c r="H53" s="519">
        <v>0</v>
      </c>
      <c r="I53" s="520">
        <v>0</v>
      </c>
      <c r="J53" s="357"/>
    </row>
    <row r="54" spans="1:11" s="195" customFormat="1" ht="10.5" x14ac:dyDescent="0.15">
      <c r="A54" s="26" t="s">
        <v>291</v>
      </c>
      <c r="B54" s="521">
        <v>264240000</v>
      </c>
      <c r="C54" s="519">
        <v>286521150.48000002</v>
      </c>
      <c r="D54" s="519">
        <v>286371150.48000002</v>
      </c>
      <c r="E54" s="519">
        <v>67985429.659999996</v>
      </c>
      <c r="F54" s="519">
        <v>113179261.18000001</v>
      </c>
      <c r="G54" s="519">
        <v>58496889.880000003</v>
      </c>
      <c r="H54" s="519">
        <v>0</v>
      </c>
      <c r="I54" s="520">
        <v>0</v>
      </c>
      <c r="J54" s="357"/>
    </row>
    <row r="55" spans="1:11" s="195" customFormat="1" ht="10.5" x14ac:dyDescent="0.15">
      <c r="A55" s="26" t="s">
        <v>289</v>
      </c>
      <c r="B55" s="521">
        <v>39600000</v>
      </c>
      <c r="C55" s="519">
        <v>39600000</v>
      </c>
      <c r="D55" s="519">
        <v>39600000</v>
      </c>
      <c r="E55" s="519">
        <v>9961342.2100000009</v>
      </c>
      <c r="F55" s="519">
        <v>14311698.109999999</v>
      </c>
      <c r="G55" s="519">
        <v>8798063.2200000007</v>
      </c>
      <c r="H55" s="519">
        <v>0</v>
      </c>
      <c r="I55" s="520">
        <v>0</v>
      </c>
      <c r="J55" s="357"/>
    </row>
    <row r="56" spans="1:11" s="195" customFormat="1" ht="10.5" x14ac:dyDescent="0.15">
      <c r="A56" s="26" t="s">
        <v>290</v>
      </c>
      <c r="B56" s="521">
        <v>1080000</v>
      </c>
      <c r="C56" s="519">
        <v>1616000</v>
      </c>
      <c r="D56" s="519">
        <v>1616000</v>
      </c>
      <c r="E56" s="519">
        <v>171926.74</v>
      </c>
      <c r="F56" s="519">
        <v>437071.21</v>
      </c>
      <c r="G56" s="519">
        <v>88441.79</v>
      </c>
      <c r="H56" s="519">
        <v>0</v>
      </c>
      <c r="I56" s="520">
        <v>0</v>
      </c>
      <c r="J56" s="357"/>
    </row>
    <row r="57" spans="1:11" s="195" customFormat="1" ht="10.5" x14ac:dyDescent="0.15">
      <c r="A57" s="26" t="s">
        <v>292</v>
      </c>
      <c r="B57" s="508">
        <v>17500000</v>
      </c>
      <c r="C57" s="519">
        <v>17500000</v>
      </c>
      <c r="D57" s="519">
        <v>14640010</v>
      </c>
      <c r="E57" s="519">
        <v>1156145.6000000001</v>
      </c>
      <c r="F57" s="519">
        <v>4081376.47</v>
      </c>
      <c r="G57" s="519">
        <v>1156145.6000000001</v>
      </c>
      <c r="H57" s="519">
        <v>0</v>
      </c>
      <c r="I57" s="520">
        <v>0</v>
      </c>
      <c r="J57" s="357"/>
    </row>
    <row r="58" spans="1:11" s="195" customFormat="1" ht="10.5" x14ac:dyDescent="0.15">
      <c r="A58" s="26" t="s">
        <v>229</v>
      </c>
      <c r="B58" s="521">
        <v>17500000</v>
      </c>
      <c r="C58" s="519">
        <v>17500000</v>
      </c>
      <c r="D58" s="519">
        <v>14640010</v>
      </c>
      <c r="E58" s="519">
        <v>1156145.6000000001</v>
      </c>
      <c r="F58" s="519">
        <v>4081376.47</v>
      </c>
      <c r="G58" s="519">
        <v>1156145.6000000001</v>
      </c>
      <c r="H58" s="519">
        <v>0</v>
      </c>
      <c r="I58" s="520">
        <v>0</v>
      </c>
      <c r="J58" s="357"/>
    </row>
    <row r="59" spans="1:11" s="195" customFormat="1" ht="10.5" x14ac:dyDescent="0.15">
      <c r="A59" s="26" t="s">
        <v>60</v>
      </c>
      <c r="B59" s="521"/>
      <c r="C59" s="519">
        <v>0</v>
      </c>
      <c r="D59" s="519"/>
      <c r="E59" s="519">
        <v>0</v>
      </c>
      <c r="F59" s="519"/>
      <c r="G59" s="519">
        <v>0</v>
      </c>
      <c r="H59" s="519">
        <v>0</v>
      </c>
      <c r="I59" s="520">
        <v>0</v>
      </c>
      <c r="J59" s="357"/>
    </row>
    <row r="60" spans="1:11" ht="15" customHeight="1" x14ac:dyDescent="0.15">
      <c r="A60" s="315" t="s">
        <v>546</v>
      </c>
      <c r="B60" s="522">
        <v>0</v>
      </c>
      <c r="C60" s="518">
        <v>0</v>
      </c>
      <c r="D60" s="519">
        <v>0</v>
      </c>
      <c r="E60" s="519">
        <v>0</v>
      </c>
      <c r="F60" s="519">
        <v>0</v>
      </c>
      <c r="G60" s="519">
        <v>0</v>
      </c>
      <c r="H60" s="519">
        <v>0</v>
      </c>
      <c r="I60" s="520">
        <v>0</v>
      </c>
      <c r="K60" s="692"/>
    </row>
    <row r="61" spans="1:11" ht="15" customHeight="1" x14ac:dyDescent="0.15">
      <c r="A61" s="27" t="s">
        <v>741</v>
      </c>
      <c r="B61" s="362">
        <v>1480951000</v>
      </c>
      <c r="C61" s="362">
        <v>1480951000</v>
      </c>
      <c r="D61" s="362">
        <v>1393169779.3700001</v>
      </c>
      <c r="E61" s="523">
        <v>710371599.88</v>
      </c>
      <c r="F61" s="362">
        <v>837684542.12000012</v>
      </c>
      <c r="G61" s="362">
        <v>541949471.09000003</v>
      </c>
      <c r="H61" s="524">
        <v>0</v>
      </c>
      <c r="I61" s="525">
        <v>0</v>
      </c>
      <c r="K61" s="693"/>
    </row>
    <row r="62" spans="1:11" ht="5.0999999999999996" customHeight="1" x14ac:dyDescent="0.15">
      <c r="A62" s="126"/>
      <c r="B62" s="526"/>
      <c r="C62" s="526"/>
      <c r="D62" s="526"/>
      <c r="E62" s="526"/>
      <c r="F62" s="527"/>
      <c r="G62" s="527"/>
      <c r="H62" s="527"/>
      <c r="I62" s="527"/>
      <c r="K62" s="692"/>
    </row>
    <row r="63" spans="1:11" ht="15" customHeight="1" x14ac:dyDescent="0.15">
      <c r="A63" s="27" t="s">
        <v>547</v>
      </c>
      <c r="B63" s="362">
        <v>-2000000</v>
      </c>
      <c r="C63" s="362">
        <v>88713541.299999952</v>
      </c>
      <c r="D63" s="362"/>
      <c r="E63" s="362"/>
      <c r="F63" s="362">
        <v>-529316212.35000014</v>
      </c>
      <c r="G63" s="362">
        <v>-370548979.43000001</v>
      </c>
      <c r="H63" s="362"/>
      <c r="I63" s="363"/>
      <c r="K63" s="692"/>
    </row>
    <row r="64" spans="1:11" ht="5.0999999999999996" customHeight="1" x14ac:dyDescent="0.15">
      <c r="A64" s="31"/>
      <c r="B64" s="28"/>
      <c r="C64" s="28"/>
      <c r="D64" s="28"/>
      <c r="E64" s="28"/>
      <c r="G64" s="178"/>
      <c r="H64" s="178"/>
      <c r="K64" s="692"/>
    </row>
    <row r="65" spans="1:11" s="66" customFormat="1" ht="15" customHeight="1" x14ac:dyDescent="0.15">
      <c r="A65" s="821" t="s">
        <v>548</v>
      </c>
      <c r="B65" s="838" t="s">
        <v>108</v>
      </c>
      <c r="C65" s="839"/>
      <c r="D65" s="838" t="s">
        <v>108</v>
      </c>
      <c r="E65" s="839"/>
      <c r="F65" s="788" t="s">
        <v>109</v>
      </c>
      <c r="G65" s="820"/>
      <c r="H65" s="820"/>
      <c r="I65" s="820"/>
      <c r="J65" s="155"/>
      <c r="K65" s="694"/>
    </row>
    <row r="66" spans="1:11" s="66" customFormat="1" ht="10.5" x14ac:dyDescent="0.15">
      <c r="A66" s="808"/>
      <c r="B66" s="807" t="s">
        <v>111</v>
      </c>
      <c r="C66" s="808"/>
      <c r="D66" s="810" t="s">
        <v>112</v>
      </c>
      <c r="E66" s="777"/>
      <c r="F66" s="772" t="s">
        <v>115</v>
      </c>
      <c r="G66" s="774"/>
      <c r="H66" s="772" t="s">
        <v>115</v>
      </c>
      <c r="I66" s="773"/>
      <c r="J66" s="155"/>
      <c r="K66" s="694"/>
    </row>
    <row r="67" spans="1:11" s="66" customFormat="1" ht="10.5" x14ac:dyDescent="0.15">
      <c r="A67" s="809"/>
      <c r="B67" s="789"/>
      <c r="C67" s="809"/>
      <c r="D67" s="811"/>
      <c r="E67" s="778"/>
      <c r="F67" s="807">
        <v>2016</v>
      </c>
      <c r="G67" s="808"/>
      <c r="H67" s="810">
        <v>2015</v>
      </c>
      <c r="I67" s="812"/>
      <c r="J67" s="155"/>
      <c r="K67" s="694"/>
    </row>
    <row r="68" spans="1:11" ht="10.5" x14ac:dyDescent="0.15">
      <c r="A68" s="159" t="s">
        <v>136</v>
      </c>
      <c r="B68" s="784">
        <v>2000000</v>
      </c>
      <c r="C68" s="813"/>
      <c r="D68" s="711">
        <v>134134924.95999999</v>
      </c>
      <c r="E68" s="712"/>
      <c r="F68" s="784">
        <v>132157945.25</v>
      </c>
      <c r="G68" s="813"/>
      <c r="H68" s="784">
        <v>130946630.39000002</v>
      </c>
      <c r="I68" s="785"/>
      <c r="J68" s="405"/>
      <c r="K68" s="693"/>
    </row>
    <row r="69" spans="1:11" ht="10.5" x14ac:dyDescent="0.2">
      <c r="A69" s="159" t="s">
        <v>137</v>
      </c>
      <c r="B69" s="794">
        <v>2000000</v>
      </c>
      <c r="C69" s="795"/>
      <c r="D69" s="697">
        <v>134134924.95999999</v>
      </c>
      <c r="E69" s="698"/>
      <c r="F69" s="794">
        <v>132157945.25</v>
      </c>
      <c r="G69" s="795"/>
      <c r="H69" s="794">
        <v>130946630.39000002</v>
      </c>
      <c r="I69" s="799"/>
      <c r="J69" s="405"/>
      <c r="K69" s="204"/>
    </row>
    <row r="70" spans="1:11" ht="10.5" x14ac:dyDescent="0.2">
      <c r="A70" s="118" t="s">
        <v>138</v>
      </c>
      <c r="B70" s="794">
        <v>2000000</v>
      </c>
      <c r="C70" s="795"/>
      <c r="D70" s="697">
        <v>2000000</v>
      </c>
      <c r="E70" s="698"/>
      <c r="F70" s="794">
        <v>23020.29</v>
      </c>
      <c r="G70" s="795"/>
      <c r="H70" s="794">
        <v>75703835.430000007</v>
      </c>
      <c r="I70" s="799"/>
      <c r="J70" s="405"/>
      <c r="K70" s="204"/>
    </row>
    <row r="71" spans="1:11" ht="10.5" x14ac:dyDescent="0.2">
      <c r="A71" s="118" t="s">
        <v>139</v>
      </c>
      <c r="B71" s="794">
        <v>0</v>
      </c>
      <c r="C71" s="795"/>
      <c r="D71" s="697">
        <v>0</v>
      </c>
      <c r="E71" s="698"/>
      <c r="F71" s="794">
        <v>0</v>
      </c>
      <c r="G71" s="795"/>
      <c r="H71" s="794">
        <v>0</v>
      </c>
      <c r="I71" s="799"/>
      <c r="J71" s="405"/>
      <c r="K71" s="204"/>
    </row>
    <row r="72" spans="1:11" ht="10.5" x14ac:dyDescent="0.2">
      <c r="A72" s="118" t="s">
        <v>140</v>
      </c>
      <c r="B72" s="794">
        <v>0</v>
      </c>
      <c r="C72" s="795"/>
      <c r="D72" s="697">
        <v>132134924.95999999</v>
      </c>
      <c r="E72" s="698"/>
      <c r="F72" s="794">
        <v>132134924.95999999</v>
      </c>
      <c r="G72" s="795"/>
      <c r="H72" s="794">
        <v>55242794.960000001</v>
      </c>
      <c r="I72" s="799"/>
      <c r="J72" s="405"/>
      <c r="K72" s="204"/>
    </row>
    <row r="73" spans="1:11" s="66" customFormat="1" ht="10.5" x14ac:dyDescent="0.2">
      <c r="A73" s="159" t="s">
        <v>141</v>
      </c>
      <c r="B73" s="796">
        <v>0</v>
      </c>
      <c r="C73" s="797"/>
      <c r="D73" s="709">
        <v>0</v>
      </c>
      <c r="E73" s="710"/>
      <c r="F73" s="796">
        <v>0</v>
      </c>
      <c r="G73" s="797"/>
      <c r="H73" s="796">
        <v>0</v>
      </c>
      <c r="I73" s="800"/>
      <c r="J73" s="203"/>
      <c r="K73" s="205"/>
    </row>
    <row r="74" spans="1:11" ht="10.5" x14ac:dyDescent="0.2">
      <c r="A74" s="118" t="s">
        <v>142</v>
      </c>
      <c r="B74" s="794">
        <v>0</v>
      </c>
      <c r="C74" s="795"/>
      <c r="D74" s="697">
        <v>0</v>
      </c>
      <c r="E74" s="698"/>
      <c r="F74" s="794">
        <v>0</v>
      </c>
      <c r="G74" s="795"/>
      <c r="H74" s="794">
        <v>0</v>
      </c>
      <c r="I74" s="799"/>
      <c r="J74" s="405"/>
      <c r="K74" s="204"/>
    </row>
    <row r="75" spans="1:11" ht="10.5" x14ac:dyDescent="0.2">
      <c r="A75" s="118" t="s">
        <v>143</v>
      </c>
      <c r="B75" s="794">
        <v>0</v>
      </c>
      <c r="C75" s="795"/>
      <c r="D75" s="697">
        <v>0</v>
      </c>
      <c r="E75" s="698"/>
      <c r="F75" s="794">
        <v>0</v>
      </c>
      <c r="G75" s="795"/>
      <c r="H75" s="794">
        <v>0</v>
      </c>
      <c r="I75" s="799"/>
      <c r="J75" s="405"/>
      <c r="K75" s="204"/>
    </row>
    <row r="76" spans="1:11" ht="10.5" x14ac:dyDescent="0.2">
      <c r="A76" s="120" t="s">
        <v>140</v>
      </c>
      <c r="B76" s="792">
        <v>0</v>
      </c>
      <c r="C76" s="798"/>
      <c r="D76" s="699">
        <v>0</v>
      </c>
      <c r="E76" s="700"/>
      <c r="F76" s="792">
        <v>0</v>
      </c>
      <c r="G76" s="798"/>
      <c r="H76" s="792">
        <v>0</v>
      </c>
      <c r="I76" s="793"/>
      <c r="J76" s="405"/>
      <c r="K76" s="204"/>
    </row>
    <row r="77" spans="1:11" ht="5.0999999999999996" customHeight="1" x14ac:dyDescent="0.2">
      <c r="A77" s="177"/>
      <c r="B77" s="177"/>
      <c r="C77" s="177"/>
      <c r="D77" s="191"/>
      <c r="E77" s="191"/>
      <c r="F77" s="191"/>
      <c r="G77" s="68"/>
      <c r="H77" s="68"/>
      <c r="I77" s="68"/>
    </row>
    <row r="78" spans="1:11" s="66" customFormat="1" ht="15" customHeight="1" x14ac:dyDescent="0.2">
      <c r="A78" s="791" t="s">
        <v>144</v>
      </c>
      <c r="B78" s="791"/>
      <c r="C78" s="819"/>
      <c r="D78" s="790" t="s">
        <v>122</v>
      </c>
      <c r="E78" s="791"/>
      <c r="F78" s="791"/>
      <c r="G78" s="791"/>
      <c r="H78" s="791"/>
      <c r="I78" s="791"/>
      <c r="J78" s="155"/>
    </row>
    <row r="79" spans="1:11" ht="15" customHeight="1" x14ac:dyDescent="0.2">
      <c r="A79" s="805" t="s">
        <v>209</v>
      </c>
      <c r="B79" s="805"/>
      <c r="C79" s="806"/>
      <c r="D79" s="823"/>
      <c r="E79" s="824"/>
      <c r="F79" s="824"/>
      <c r="G79" s="824"/>
      <c r="H79" s="824"/>
      <c r="I79" s="824"/>
    </row>
    <row r="80" spans="1:11" ht="5.0999999999999996" customHeight="1" x14ac:dyDescent="0.2">
      <c r="A80" s="176"/>
      <c r="B80" s="176"/>
      <c r="C80" s="176"/>
      <c r="D80" s="175"/>
      <c r="E80" s="175"/>
      <c r="F80" s="175"/>
      <c r="G80" s="74"/>
      <c r="H80" s="74"/>
      <c r="I80" s="74"/>
    </row>
    <row r="81" spans="1:10" s="66" customFormat="1" ht="15" customHeight="1" x14ac:dyDescent="0.2">
      <c r="A81" s="820" t="s">
        <v>549</v>
      </c>
      <c r="B81" s="820"/>
      <c r="C81" s="821"/>
      <c r="D81" s="788" t="s">
        <v>208</v>
      </c>
      <c r="E81" s="820"/>
      <c r="F81" s="820"/>
      <c r="G81" s="820"/>
      <c r="H81" s="820"/>
      <c r="I81" s="820"/>
      <c r="J81" s="155"/>
    </row>
    <row r="82" spans="1:10" s="66" customFormat="1" ht="15" customHeight="1" x14ac:dyDescent="0.2">
      <c r="A82" s="822"/>
      <c r="B82" s="822"/>
      <c r="C82" s="809"/>
      <c r="D82" s="790">
        <v>2016</v>
      </c>
      <c r="E82" s="791"/>
      <c r="F82" s="819"/>
      <c r="G82" s="791">
        <v>2015</v>
      </c>
      <c r="H82" s="791"/>
      <c r="I82" s="791"/>
      <c r="J82" s="155"/>
    </row>
    <row r="83" spans="1:10" ht="10.5" x14ac:dyDescent="0.2">
      <c r="A83" s="825" t="s">
        <v>123</v>
      </c>
      <c r="B83" s="825"/>
      <c r="C83" s="826"/>
      <c r="D83" s="827">
        <v>0</v>
      </c>
      <c r="E83" s="828"/>
      <c r="F83" s="829"/>
      <c r="G83" s="836">
        <v>0</v>
      </c>
      <c r="H83" s="837"/>
      <c r="I83" s="837"/>
    </row>
    <row r="84" spans="1:10" ht="12.75" x14ac:dyDescent="0.2">
      <c r="A84" s="815" t="s">
        <v>124</v>
      </c>
      <c r="B84" s="815"/>
      <c r="C84" s="816"/>
      <c r="D84" s="830">
        <v>380405.31000000006</v>
      </c>
      <c r="E84" s="831"/>
      <c r="F84" s="832"/>
      <c r="G84" s="794">
        <v>177222508.41999999</v>
      </c>
      <c r="H84" s="799"/>
      <c r="I84" s="799"/>
    </row>
    <row r="85" spans="1:10" ht="12.75" x14ac:dyDescent="0.2">
      <c r="A85" s="815" t="s">
        <v>125</v>
      </c>
      <c r="B85" s="815"/>
      <c r="C85" s="816"/>
      <c r="D85" s="830">
        <v>83741377.069999993</v>
      </c>
      <c r="E85" s="831"/>
      <c r="F85" s="832"/>
      <c r="G85" s="794">
        <v>955968.05</v>
      </c>
      <c r="H85" s="799"/>
      <c r="I85" s="799"/>
    </row>
    <row r="86" spans="1:10" ht="12.75" x14ac:dyDescent="0.2">
      <c r="A86" s="817" t="s">
        <v>126</v>
      </c>
      <c r="B86" s="817"/>
      <c r="C86" s="818"/>
      <c r="D86" s="833">
        <v>0</v>
      </c>
      <c r="E86" s="834"/>
      <c r="F86" s="835"/>
      <c r="G86" s="792">
        <v>0</v>
      </c>
      <c r="H86" s="793"/>
      <c r="I86" s="793"/>
    </row>
    <row r="87" spans="1:10" ht="5.0999999999999996" customHeight="1" x14ac:dyDescent="0.2">
      <c r="A87" s="182"/>
      <c r="B87" s="182"/>
      <c r="C87" s="119"/>
      <c r="D87" s="814"/>
      <c r="E87" s="814"/>
      <c r="F87" s="177"/>
      <c r="G87" s="119"/>
      <c r="H87" s="74"/>
      <c r="I87" s="74"/>
    </row>
    <row r="88" spans="1:10" ht="15" customHeight="1" x14ac:dyDescent="0.15">
      <c r="A88" s="774" t="s">
        <v>145</v>
      </c>
      <c r="B88" s="838" t="s">
        <v>108</v>
      </c>
      <c r="C88" s="839"/>
      <c r="D88" s="838" t="s">
        <v>108</v>
      </c>
      <c r="E88" s="839"/>
      <c r="F88" s="788" t="s">
        <v>109</v>
      </c>
      <c r="G88" s="820"/>
      <c r="H88" s="820"/>
      <c r="I88" s="820"/>
    </row>
    <row r="89" spans="1:10" ht="15" customHeight="1" x14ac:dyDescent="0.2">
      <c r="A89" s="777"/>
      <c r="B89" s="807" t="s">
        <v>111</v>
      </c>
      <c r="C89" s="808"/>
      <c r="D89" s="810" t="s">
        <v>112</v>
      </c>
      <c r="E89" s="777"/>
      <c r="F89" s="772" t="s">
        <v>115</v>
      </c>
      <c r="G89" s="774"/>
      <c r="H89" s="772" t="s">
        <v>115</v>
      </c>
      <c r="I89" s="773"/>
    </row>
    <row r="90" spans="1:10" ht="15" customHeight="1" x14ac:dyDescent="0.2">
      <c r="A90" s="778"/>
      <c r="B90" s="789"/>
      <c r="C90" s="809"/>
      <c r="D90" s="811"/>
      <c r="E90" s="778"/>
      <c r="F90" s="789">
        <v>2016</v>
      </c>
      <c r="G90" s="809"/>
      <c r="H90" s="811">
        <v>2015</v>
      </c>
      <c r="I90" s="841"/>
    </row>
    <row r="91" spans="1:10" ht="11.25" customHeight="1" x14ac:dyDescent="0.2">
      <c r="A91" s="155" t="s">
        <v>147</v>
      </c>
      <c r="B91" s="711">
        <v>1036054000</v>
      </c>
      <c r="C91" s="712"/>
      <c r="D91" s="711">
        <v>1036054000</v>
      </c>
      <c r="E91" s="712"/>
      <c r="F91" s="711">
        <v>178879240.25</v>
      </c>
      <c r="G91" s="712"/>
      <c r="H91" s="711">
        <v>114072415.95</v>
      </c>
      <c r="I91" s="724"/>
    </row>
    <row r="92" spans="1:10" ht="11.25" customHeight="1" x14ac:dyDescent="0.2">
      <c r="A92" s="179" t="s">
        <v>178</v>
      </c>
      <c r="B92" s="697">
        <v>1036054000</v>
      </c>
      <c r="C92" s="698"/>
      <c r="D92" s="697">
        <v>1036054000</v>
      </c>
      <c r="E92" s="698"/>
      <c r="F92" s="697">
        <v>178879240.25</v>
      </c>
      <c r="G92" s="698"/>
      <c r="H92" s="697">
        <v>114072415.95</v>
      </c>
      <c r="I92" s="715"/>
    </row>
    <row r="93" spans="1:10" ht="11.25" customHeight="1" x14ac:dyDescent="0.2">
      <c r="A93" s="179" t="s">
        <v>146</v>
      </c>
      <c r="B93" s="697">
        <v>1036054000</v>
      </c>
      <c r="C93" s="698"/>
      <c r="D93" s="697">
        <v>1036054000</v>
      </c>
      <c r="E93" s="698"/>
      <c r="F93" s="697">
        <v>178879240.25</v>
      </c>
      <c r="G93" s="698"/>
      <c r="H93" s="697">
        <v>114072415.95</v>
      </c>
      <c r="I93" s="715"/>
    </row>
    <row r="94" spans="1:10" ht="11.25" customHeight="1" x14ac:dyDescent="0.2">
      <c r="A94" s="179" t="s">
        <v>282</v>
      </c>
      <c r="B94" s="697">
        <v>280000000</v>
      </c>
      <c r="C94" s="698"/>
      <c r="D94" s="697">
        <v>280000000</v>
      </c>
      <c r="E94" s="698"/>
      <c r="F94" s="697">
        <v>143604026.56</v>
      </c>
      <c r="G94" s="698"/>
      <c r="H94" s="697">
        <v>112504885.54000001</v>
      </c>
      <c r="I94" s="715"/>
    </row>
    <row r="95" spans="1:10" ht="11.25" customHeight="1" x14ac:dyDescent="0.2">
      <c r="A95" s="179" t="s">
        <v>129</v>
      </c>
      <c r="B95" s="697">
        <v>280000000</v>
      </c>
      <c r="C95" s="698"/>
      <c r="D95" s="697">
        <v>280000000</v>
      </c>
      <c r="E95" s="698"/>
      <c r="F95" s="697">
        <v>143604026.56</v>
      </c>
      <c r="G95" s="698"/>
      <c r="H95" s="697">
        <v>112504885.54000001</v>
      </c>
      <c r="I95" s="715"/>
    </row>
    <row r="96" spans="1:10" ht="11.25" customHeight="1" x14ac:dyDescent="0.2">
      <c r="A96" s="179" t="s">
        <v>130</v>
      </c>
      <c r="B96" s="697">
        <v>0</v>
      </c>
      <c r="C96" s="698"/>
      <c r="D96" s="697">
        <v>0</v>
      </c>
      <c r="E96" s="698"/>
      <c r="F96" s="697">
        <v>0</v>
      </c>
      <c r="G96" s="698"/>
      <c r="H96" s="697">
        <v>0</v>
      </c>
      <c r="I96" s="715"/>
    </row>
    <row r="97" spans="1:9" ht="11.25" customHeight="1" x14ac:dyDescent="0.2">
      <c r="A97" s="179" t="s">
        <v>131</v>
      </c>
      <c r="B97" s="697">
        <v>0</v>
      </c>
      <c r="C97" s="698"/>
      <c r="D97" s="697">
        <v>0</v>
      </c>
      <c r="E97" s="698"/>
      <c r="F97" s="697">
        <v>0</v>
      </c>
      <c r="G97" s="698"/>
      <c r="H97" s="697">
        <v>0</v>
      </c>
      <c r="I97" s="715"/>
    </row>
    <row r="98" spans="1:9" ht="11.25" customHeight="1" x14ac:dyDescent="0.2">
      <c r="A98" s="179" t="s">
        <v>283</v>
      </c>
      <c r="B98" s="697">
        <v>756054000</v>
      </c>
      <c r="C98" s="698"/>
      <c r="D98" s="697">
        <v>756054000</v>
      </c>
      <c r="E98" s="698"/>
      <c r="F98" s="697">
        <v>35275213.689999998</v>
      </c>
      <c r="G98" s="698"/>
      <c r="H98" s="697">
        <v>1567530.41</v>
      </c>
      <c r="I98" s="715"/>
    </row>
    <row r="99" spans="1:9" ht="11.25" customHeight="1" x14ac:dyDescent="0.2">
      <c r="A99" s="179" t="s">
        <v>132</v>
      </c>
      <c r="B99" s="697">
        <v>756054000</v>
      </c>
      <c r="C99" s="698"/>
      <c r="D99" s="697">
        <v>756054000</v>
      </c>
      <c r="E99" s="698"/>
      <c r="F99" s="697">
        <v>35275213.689999998</v>
      </c>
      <c r="G99" s="698"/>
      <c r="H99" s="697">
        <v>1567530.41</v>
      </c>
      <c r="I99" s="715"/>
    </row>
    <row r="100" spans="1:9" ht="11.25" customHeight="1" x14ac:dyDescent="0.2">
      <c r="A100" s="179" t="s">
        <v>133</v>
      </c>
      <c r="B100" s="697">
        <v>0</v>
      </c>
      <c r="C100" s="698"/>
      <c r="D100" s="697">
        <v>0</v>
      </c>
      <c r="E100" s="698"/>
      <c r="F100" s="697">
        <v>0</v>
      </c>
      <c r="G100" s="698"/>
      <c r="H100" s="697">
        <v>0</v>
      </c>
      <c r="I100" s="715"/>
    </row>
    <row r="101" spans="1:9" ht="11.25" customHeight="1" x14ac:dyDescent="0.2">
      <c r="A101" s="179" t="s">
        <v>740</v>
      </c>
      <c r="B101" s="697">
        <v>0</v>
      </c>
      <c r="C101" s="698"/>
      <c r="D101" s="697">
        <v>0</v>
      </c>
      <c r="E101" s="698"/>
      <c r="F101" s="697">
        <v>0</v>
      </c>
      <c r="G101" s="698"/>
      <c r="H101" s="697">
        <v>0</v>
      </c>
      <c r="I101" s="715"/>
    </row>
    <row r="102" spans="1:9" ht="11.25" customHeight="1" x14ac:dyDescent="0.2">
      <c r="A102" s="179" t="s">
        <v>760</v>
      </c>
      <c r="B102" s="697">
        <v>0</v>
      </c>
      <c r="C102" s="698"/>
      <c r="D102" s="697">
        <v>0</v>
      </c>
      <c r="E102" s="698"/>
      <c r="F102" s="697">
        <v>0</v>
      </c>
      <c r="G102" s="698"/>
      <c r="H102" s="697">
        <v>0</v>
      </c>
      <c r="I102" s="715"/>
    </row>
    <row r="103" spans="1:9" ht="11.25" customHeight="1" x14ac:dyDescent="0.2">
      <c r="A103" s="179" t="s">
        <v>761</v>
      </c>
      <c r="B103" s="697">
        <v>0</v>
      </c>
      <c r="C103" s="698"/>
      <c r="D103" s="697">
        <v>0</v>
      </c>
      <c r="E103" s="698"/>
      <c r="F103" s="697">
        <v>0</v>
      </c>
      <c r="G103" s="698"/>
      <c r="H103" s="697">
        <v>0</v>
      </c>
      <c r="I103" s="715"/>
    </row>
    <row r="104" spans="1:9" ht="11.25" customHeight="1" x14ac:dyDescent="0.2">
      <c r="A104" s="179" t="s">
        <v>179</v>
      </c>
      <c r="B104" s="697">
        <v>0</v>
      </c>
      <c r="C104" s="698"/>
      <c r="D104" s="697">
        <v>0</v>
      </c>
      <c r="E104" s="698"/>
      <c r="F104" s="697">
        <v>0</v>
      </c>
      <c r="G104" s="698"/>
      <c r="H104" s="697">
        <v>0</v>
      </c>
      <c r="I104" s="715"/>
    </row>
    <row r="105" spans="1:9" ht="11.25" customHeight="1" x14ac:dyDescent="0.2">
      <c r="A105" s="179" t="s">
        <v>186</v>
      </c>
      <c r="B105" s="697">
        <v>0</v>
      </c>
      <c r="C105" s="698"/>
      <c r="D105" s="697">
        <v>0</v>
      </c>
      <c r="E105" s="698"/>
      <c r="F105" s="697">
        <v>0</v>
      </c>
      <c r="G105" s="698"/>
      <c r="H105" s="697">
        <v>0</v>
      </c>
      <c r="I105" s="715"/>
    </row>
    <row r="106" spans="1:9" ht="11.25" customHeight="1" x14ac:dyDescent="0.2">
      <c r="A106" s="179" t="s">
        <v>183</v>
      </c>
      <c r="B106" s="697">
        <v>0</v>
      </c>
      <c r="C106" s="698"/>
      <c r="D106" s="697">
        <v>0</v>
      </c>
      <c r="E106" s="698"/>
      <c r="F106" s="697">
        <v>0</v>
      </c>
      <c r="G106" s="698"/>
      <c r="H106" s="697">
        <v>0</v>
      </c>
      <c r="I106" s="715"/>
    </row>
    <row r="107" spans="1:9" ht="11.25" customHeight="1" x14ac:dyDescent="0.2">
      <c r="A107" s="66" t="s">
        <v>148</v>
      </c>
      <c r="B107" s="697">
        <v>0</v>
      </c>
      <c r="C107" s="698"/>
      <c r="D107" s="697">
        <v>0</v>
      </c>
      <c r="E107" s="698"/>
      <c r="F107" s="697">
        <v>0</v>
      </c>
      <c r="G107" s="698"/>
      <c r="H107" s="697">
        <v>0</v>
      </c>
      <c r="I107" s="715"/>
    </row>
    <row r="108" spans="1:9" ht="11.25" customHeight="1" x14ac:dyDescent="0.2">
      <c r="A108" s="122" t="s">
        <v>801</v>
      </c>
      <c r="B108" s="697">
        <v>0</v>
      </c>
      <c r="C108" s="698"/>
      <c r="D108" s="697">
        <v>0</v>
      </c>
      <c r="E108" s="698"/>
      <c r="F108" s="697">
        <v>0</v>
      </c>
      <c r="G108" s="698"/>
      <c r="H108" s="697">
        <v>0</v>
      </c>
      <c r="I108" s="715"/>
    </row>
    <row r="109" spans="1:9" ht="11.25" customHeight="1" x14ac:dyDescent="0.2">
      <c r="A109" s="179" t="s">
        <v>803</v>
      </c>
      <c r="B109" s="697">
        <v>0</v>
      </c>
      <c r="C109" s="698"/>
      <c r="D109" s="697">
        <v>0</v>
      </c>
      <c r="E109" s="698"/>
      <c r="F109" s="697">
        <v>0</v>
      </c>
      <c r="G109" s="698"/>
      <c r="H109" s="697">
        <v>0</v>
      </c>
      <c r="I109" s="715"/>
    </row>
    <row r="110" spans="1:9" ht="11.25" customHeight="1" x14ac:dyDescent="0.2">
      <c r="A110" s="122" t="s">
        <v>802</v>
      </c>
      <c r="B110" s="697">
        <v>0</v>
      </c>
      <c r="C110" s="698"/>
      <c r="D110" s="697">
        <v>0</v>
      </c>
      <c r="E110" s="698"/>
      <c r="F110" s="697">
        <v>0</v>
      </c>
      <c r="G110" s="698"/>
      <c r="H110" s="697">
        <v>0</v>
      </c>
      <c r="I110" s="715"/>
    </row>
    <row r="111" spans="1:9" ht="11.25" customHeight="1" x14ac:dyDescent="0.2">
      <c r="A111" s="66"/>
      <c r="B111" s="699">
        <v>0</v>
      </c>
      <c r="C111" s="700"/>
      <c r="D111" s="699">
        <v>0</v>
      </c>
      <c r="E111" s="700"/>
      <c r="F111" s="699">
        <v>0</v>
      </c>
      <c r="G111" s="700"/>
      <c r="H111" s="699">
        <v>0</v>
      </c>
      <c r="I111" s="736"/>
    </row>
    <row r="112" spans="1:9" ht="26.25" customHeight="1" x14ac:dyDescent="0.2">
      <c r="A112" s="162" t="s">
        <v>759</v>
      </c>
      <c r="B112" s="713">
        <v>1036054000</v>
      </c>
      <c r="C112" s="714"/>
      <c r="D112" s="713">
        <v>1036054000</v>
      </c>
      <c r="E112" s="714"/>
      <c r="F112" s="713">
        <v>178879240.25</v>
      </c>
      <c r="G112" s="714"/>
      <c r="H112" s="713">
        <v>114072415.95</v>
      </c>
      <c r="I112" s="735"/>
    </row>
    <row r="113" spans="1:10" ht="5.0999999999999996" customHeight="1" x14ac:dyDescent="0.15">
      <c r="A113" s="196"/>
      <c r="B113" s="197"/>
      <c r="C113" s="197"/>
      <c r="D113" s="198"/>
      <c r="E113" s="198"/>
      <c r="F113" s="198"/>
      <c r="G113" s="199"/>
      <c r="H113" s="199"/>
      <c r="I113" s="199"/>
    </row>
    <row r="114" spans="1:10" ht="30" customHeight="1" x14ac:dyDescent="0.15">
      <c r="A114" s="801" t="s">
        <v>149</v>
      </c>
      <c r="B114" s="200" t="s">
        <v>157</v>
      </c>
      <c r="C114" s="200" t="s">
        <v>157</v>
      </c>
      <c r="D114" s="749" t="s">
        <v>158</v>
      </c>
      <c r="E114" s="751"/>
      <c r="F114" s="790" t="s">
        <v>159</v>
      </c>
      <c r="G114" s="819"/>
      <c r="H114" s="790" t="s">
        <v>347</v>
      </c>
      <c r="I114" s="791"/>
    </row>
    <row r="115" spans="1:10" ht="15" customHeight="1" x14ac:dyDescent="0.2">
      <c r="A115" s="802"/>
      <c r="B115" s="804" t="s">
        <v>111</v>
      </c>
      <c r="C115" s="804" t="s">
        <v>112</v>
      </c>
      <c r="D115" s="172" t="s">
        <v>115</v>
      </c>
      <c r="E115" s="172" t="s">
        <v>115</v>
      </c>
      <c r="F115" s="172" t="s">
        <v>115</v>
      </c>
      <c r="G115" s="172" t="s">
        <v>115</v>
      </c>
      <c r="H115" s="786" t="s">
        <v>883</v>
      </c>
      <c r="I115" s="788" t="s">
        <v>884</v>
      </c>
    </row>
    <row r="116" spans="1:10" ht="15" customHeight="1" x14ac:dyDescent="0.2">
      <c r="A116" s="803"/>
      <c r="B116" s="776"/>
      <c r="C116" s="776"/>
      <c r="D116" s="173">
        <v>2016</v>
      </c>
      <c r="E116" s="174">
        <v>2015</v>
      </c>
      <c r="F116" s="173">
        <v>2016</v>
      </c>
      <c r="G116" s="174">
        <v>2015</v>
      </c>
      <c r="H116" s="787"/>
      <c r="I116" s="789"/>
    </row>
    <row r="117" spans="1:10" ht="11.25" customHeight="1" x14ac:dyDescent="0.2">
      <c r="A117" s="160" t="s">
        <v>150</v>
      </c>
      <c r="B117" s="528">
        <v>0</v>
      </c>
      <c r="C117" s="528">
        <v>0</v>
      </c>
      <c r="D117" s="528">
        <v>0</v>
      </c>
      <c r="E117" s="528">
        <v>0</v>
      </c>
      <c r="F117" s="528">
        <v>0</v>
      </c>
      <c r="G117" s="528">
        <v>0</v>
      </c>
      <c r="H117" s="528">
        <v>0</v>
      </c>
      <c r="I117" s="529">
        <v>0</v>
      </c>
    </row>
    <row r="118" spans="1:10" ht="11.25" customHeight="1" x14ac:dyDescent="0.2">
      <c r="A118" s="29" t="s">
        <v>204</v>
      </c>
      <c r="B118" s="423">
        <v>0</v>
      </c>
      <c r="C118" s="423">
        <v>0</v>
      </c>
      <c r="D118" s="423"/>
      <c r="E118" s="423"/>
      <c r="F118" s="423"/>
      <c r="G118" s="423">
        <v>0</v>
      </c>
      <c r="H118" s="423"/>
      <c r="I118" s="526"/>
    </row>
    <row r="119" spans="1:10" ht="11.25" customHeight="1" x14ac:dyDescent="0.2">
      <c r="A119" s="30" t="s">
        <v>205</v>
      </c>
      <c r="B119" s="423"/>
      <c r="C119" s="423"/>
      <c r="D119" s="423"/>
      <c r="E119" s="423"/>
      <c r="F119" s="423"/>
      <c r="G119" s="423">
        <v>0</v>
      </c>
      <c r="H119" s="423"/>
      <c r="I119" s="526"/>
    </row>
    <row r="120" spans="1:10" ht="24.95" customHeight="1" x14ac:dyDescent="0.2">
      <c r="A120" s="401" t="s">
        <v>151</v>
      </c>
      <c r="B120" s="362">
        <v>0</v>
      </c>
      <c r="C120" s="362">
        <v>0</v>
      </c>
      <c r="D120" s="362">
        <v>0</v>
      </c>
      <c r="E120" s="362">
        <v>0</v>
      </c>
      <c r="F120" s="362">
        <v>0</v>
      </c>
      <c r="G120" s="362">
        <v>0</v>
      </c>
      <c r="H120" s="362">
        <v>0</v>
      </c>
      <c r="I120" s="363">
        <v>0</v>
      </c>
    </row>
    <row r="121" spans="1:10" ht="11.25" customHeight="1" x14ac:dyDescent="0.2">
      <c r="A121" s="264" t="s">
        <v>848</v>
      </c>
      <c r="I121" s="296"/>
    </row>
    <row r="122" spans="1:10" ht="11.25" customHeight="1" x14ac:dyDescent="0.2">
      <c r="A122" s="264"/>
    </row>
    <row r="126" spans="1:10" s="264" customFormat="1" ht="11.25" customHeight="1" x14ac:dyDescent="0.2">
      <c r="F126" s="217"/>
      <c r="I126" s="217"/>
      <c r="J126" s="217"/>
    </row>
    <row r="127" spans="1:10" s="264" customFormat="1" ht="11.25" customHeight="1" x14ac:dyDescent="0.2">
      <c r="F127" s="217"/>
      <c r="I127" s="217"/>
      <c r="J127" s="217"/>
    </row>
    <row r="129" spans="1:9" ht="11.25" customHeight="1" x14ac:dyDescent="0.2">
      <c r="A129" s="264"/>
      <c r="B129" s="264"/>
      <c r="C129" s="264"/>
      <c r="D129" s="264"/>
      <c r="E129" s="264"/>
      <c r="F129" s="217"/>
      <c r="G129" s="264"/>
      <c r="H129" s="264"/>
      <c r="I129" s="217"/>
    </row>
    <row r="130" spans="1:9" s="45" customFormat="1" ht="11.25" customHeight="1" x14ac:dyDescent="0.2"/>
    <row r="131" spans="1:9" s="45" customFormat="1" ht="11.25" customHeight="1" x14ac:dyDescent="0.2"/>
    <row r="132" spans="1:9" s="45" customFormat="1" ht="11.25" customHeight="1" x14ac:dyDescent="0.2"/>
    <row r="133" spans="1:9" s="45" customFormat="1" ht="11.25" customHeight="1" x14ac:dyDescent="0.2"/>
    <row r="134" spans="1:9" s="45" customFormat="1" ht="11.25" customHeight="1" x14ac:dyDescent="0.2"/>
    <row r="135" spans="1:9" s="45" customFormat="1" ht="11.25" customHeight="1" x14ac:dyDescent="0.2"/>
    <row r="136" spans="1:9" s="45" customFormat="1" ht="11.25" customHeight="1" x14ac:dyDescent="0.2"/>
  </sheetData>
  <customSheetViews>
    <customSheetView guid="{6DBFA32C-4AA4-4E1D-9A48-697377C64CC3}" showPageBreaks="1" showGridLines="0" fitToPage="1" printArea="1" topLeftCell="A34">
      <selection activeCell="H9" sqref="H9"/>
      <pageMargins left="0.19685039370078741" right="0.19685039370078741" top="0.59055118110236227" bottom="0.19685039370078741" header="0" footer="0"/>
      <printOptions horizontalCentered="1"/>
      <pageSetup paperSize="9" scale="45" orientation="portrait" r:id="rId1"/>
      <headerFooter alignWithMargins="0"/>
    </customSheetView>
    <customSheetView guid="{3AAF6A5F-F9AA-430B-9AD9-1261ECDF41B5}" showPageBreaks="1" showGridLines="0" fitToPage="1" printArea="1" topLeftCell="B37">
      <selection activeCell="D71" sqref="D71:E71"/>
      <pageMargins left="0.19685039370078741" right="0.19685039370078741" top="0.59055118110236227" bottom="0.19685039370078741" header="0" footer="0"/>
      <printOptions horizontalCentered="1"/>
      <pageSetup paperSize="9" scale="44" orientation="portrait" r:id="rId2"/>
      <headerFooter alignWithMargins="0"/>
    </customSheetView>
    <customSheetView guid="{C779D862-DE28-46CD-A428-4AAA1056D1E1}" showPageBreaks="1" showGridLines="0" fitToPage="1" printArea="1">
      <selection activeCell="D71" sqref="D71:E71"/>
      <pageMargins left="0.19685039370078741" right="0.19685039370078741" top="0.59055118110236227" bottom="0.19685039370078741" header="0" footer="0"/>
      <printOptions horizontalCentered="1"/>
      <pageSetup paperSize="9" scale="44" orientation="portrait" r:id="rId3"/>
      <headerFooter alignWithMargins="0"/>
    </customSheetView>
    <customSheetView guid="{25EF1E0D-169B-4051-B414-7E1196FC05E4}" showGridLines="0" fitToPage="1" topLeftCell="A61">
      <selection activeCell="D84" sqref="D84:F84"/>
      <pageMargins left="0.19685039370078741" right="0.19685039370078741" top="0.59055118110236227" bottom="0.19685039370078741" header="0" footer="0"/>
      <printOptions horizontalCentered="1"/>
      <pageSetup paperSize="9" scale="44" orientation="portrait" r:id="rId4"/>
      <headerFooter alignWithMargins="0"/>
    </customSheetView>
    <customSheetView guid="{B4FED47C-EE37-4843-A570-282D4F8229D4}" showGridLines="0" fitToPage="1" topLeftCell="A28">
      <selection activeCell="A46" sqref="A46"/>
      <pageMargins left="0.19685039370078741" right="0.19685039370078741" top="0.59055118110236227" bottom="0.19685039370078741" header="0" footer="0"/>
      <printOptions horizontalCentered="1"/>
      <pageSetup paperSize="9" scale="44" orientation="portrait" r:id="rId5"/>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6"/>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7"/>
      <headerFooter alignWithMargins="0"/>
    </customSheetView>
    <customSheetView guid="{82EDB5A4-4824-4632-A540-7A52C92F04C7}" scale="85" showPageBreaks="1" showGridLines="0" fitToPage="1" topLeftCell="B25">
      <selection activeCell="J33" sqref="J33"/>
      <pageMargins left="0.19685039370078741" right="0.19685039370078741" top="0.59055118110236227" bottom="0.19685039370078741" header="0" footer="0"/>
      <printOptions horizontalCentered="1"/>
      <pageSetup paperSize="9" scale="45" orientation="portrait" r:id="rId8"/>
      <headerFooter alignWithMargins="0"/>
    </customSheetView>
  </customSheetViews>
  <mergeCells count="305">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 ref="B91:C91"/>
    <mergeCell ref="D91:E91"/>
    <mergeCell ref="F91:G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H91:I91"/>
    <mergeCell ref="A88:A90"/>
    <mergeCell ref="B88:C88"/>
    <mergeCell ref="D88:E88"/>
    <mergeCell ref="F88:I88"/>
    <mergeCell ref="B89:C90"/>
    <mergeCell ref="D89:E90"/>
    <mergeCell ref="F89:G89"/>
    <mergeCell ref="H89:I89"/>
    <mergeCell ref="F90:G90"/>
    <mergeCell ref="H90:I90"/>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B18:C18"/>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H13:I13"/>
    <mergeCell ref="A6:I6"/>
    <mergeCell ref="A7:I7"/>
    <mergeCell ref="F14:G14"/>
    <mergeCell ref="F15:G15"/>
    <mergeCell ref="D41:E41"/>
    <mergeCell ref="F41:G41"/>
    <mergeCell ref="H38:I38"/>
    <mergeCell ref="F38:G38"/>
    <mergeCell ref="B19:C19"/>
    <mergeCell ref="D19:E19"/>
    <mergeCell ref="F19:G19"/>
    <mergeCell ref="H19:I19"/>
    <mergeCell ref="B20:C20"/>
    <mergeCell ref="D20:E20"/>
    <mergeCell ref="F20:G20"/>
    <mergeCell ref="B21:C21"/>
    <mergeCell ref="D21:E21"/>
    <mergeCell ref="F21:G21"/>
    <mergeCell ref="H21:I21"/>
    <mergeCell ref="H22:I22"/>
    <mergeCell ref="B23:C23"/>
    <mergeCell ref="D23:E23"/>
    <mergeCell ref="F17:G17"/>
    <mergeCell ref="B14:C14"/>
    <mergeCell ref="D14:E14"/>
    <mergeCell ref="F36:G36"/>
    <mergeCell ref="F32:G32"/>
    <mergeCell ref="F33:G33"/>
    <mergeCell ref="F34:G34"/>
    <mergeCell ref="F16:G16"/>
    <mergeCell ref="H17:I17"/>
    <mergeCell ref="H31:I31"/>
    <mergeCell ref="H32:I32"/>
    <mergeCell ref="F26:G26"/>
    <mergeCell ref="H26:I26"/>
    <mergeCell ref="D18:E18"/>
    <mergeCell ref="F18:G18"/>
    <mergeCell ref="H18:I18"/>
    <mergeCell ref="B22:C22"/>
    <mergeCell ref="D22:E22"/>
    <mergeCell ref="F22:G22"/>
    <mergeCell ref="B15:C15"/>
    <mergeCell ref="A65:A67"/>
    <mergeCell ref="A78:C78"/>
    <mergeCell ref="D78:I78"/>
    <mergeCell ref="B65:C65"/>
    <mergeCell ref="D65:E65"/>
    <mergeCell ref="F65:I65"/>
    <mergeCell ref="F23:G23"/>
    <mergeCell ref="H23:I23"/>
    <mergeCell ref="B24:C24"/>
    <mergeCell ref="D24:E24"/>
    <mergeCell ref="F24:G24"/>
    <mergeCell ref="H24:I24"/>
    <mergeCell ref="B25:C25"/>
    <mergeCell ref="D25:E25"/>
    <mergeCell ref="F25:G25"/>
    <mergeCell ref="B26:C26"/>
    <mergeCell ref="D26:E26"/>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35:C35"/>
    <mergeCell ref="D35:E35"/>
    <mergeCell ref="F35:G35"/>
    <mergeCell ref="H35:I35"/>
    <mergeCell ref="H34:I34"/>
    <mergeCell ref="H36:I36"/>
    <mergeCell ref="F30:G30"/>
    <mergeCell ref="F31:G31"/>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H100:I100"/>
    <mergeCell ref="B101:C101"/>
    <mergeCell ref="F101:G101"/>
    <mergeCell ref="H101:I101"/>
    <mergeCell ref="B102:C102"/>
    <mergeCell ref="F102:G102"/>
    <mergeCell ref="H102:I102"/>
    <mergeCell ref="D107:E107"/>
    <mergeCell ref="F107:G107"/>
    <mergeCell ref="D101:E101"/>
    <mergeCell ref="D102:E102"/>
    <mergeCell ref="D103:E103"/>
    <mergeCell ref="D104:E104"/>
    <mergeCell ref="D105:E105"/>
    <mergeCell ref="D106:E106"/>
    <mergeCell ref="H107:I107"/>
    <mergeCell ref="B66:C67"/>
    <mergeCell ref="D66:E67"/>
    <mergeCell ref="F66:G66"/>
    <mergeCell ref="H66:I66"/>
    <mergeCell ref="F67:G67"/>
    <mergeCell ref="H67:I67"/>
    <mergeCell ref="B68:C68"/>
    <mergeCell ref="B69:C69"/>
    <mergeCell ref="F68:G68"/>
    <mergeCell ref="F69:G69"/>
    <mergeCell ref="D68:E68"/>
    <mergeCell ref="D69:E69"/>
    <mergeCell ref="H69:I69"/>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 ref="H14:I14"/>
    <mergeCell ref="H15:I15"/>
    <mergeCell ref="H16:I16"/>
    <mergeCell ref="H20:I20"/>
    <mergeCell ref="H25:I25"/>
    <mergeCell ref="H30:I30"/>
    <mergeCell ref="H33:I33"/>
    <mergeCell ref="H39:I39"/>
    <mergeCell ref="H68:I68"/>
    <mergeCell ref="H42:H43"/>
    <mergeCell ref="I42:I43"/>
    <mergeCell ref="H41:I41"/>
  </mergeCells>
  <printOptions horizontalCentered="1"/>
  <pageMargins left="0.19685039370078741" right="0.19685039370078741" top="0.59055118110236227" bottom="0.19685039370078741" header="0" footer="0"/>
  <pageSetup paperSize="9" scale="43" orientation="portrait" r:id="rId9"/>
  <headerFooter alignWithMargins="0"/>
  <drawing r:id="rId1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pageSetUpPr fitToPage="1"/>
  </sheetPr>
  <dimension ref="A1:J136"/>
  <sheetViews>
    <sheetView showGridLines="0" zoomScaleNormal="100" workbookViewId="0"/>
  </sheetViews>
  <sheetFormatPr defaultColWidth="4.140625" defaultRowHeight="11.25" customHeight="1" x14ac:dyDescent="0.2"/>
  <cols>
    <col min="1" max="1" width="70.7109375" style="152" customWidth="1"/>
    <col min="2" max="3" width="20.140625" style="1" bestFit="1" customWidth="1"/>
    <col min="4" max="9" width="15.7109375" style="1" customWidth="1"/>
    <col min="10" max="10" width="4.140625" style="217"/>
    <col min="11" max="16384" width="4.140625" style="1"/>
  </cols>
  <sheetData>
    <row r="1" spans="1:10" s="26" customFormat="1" ht="11.25" customHeight="1" x14ac:dyDescent="0.2">
      <c r="A1" s="290"/>
      <c r="B1" s="290"/>
      <c r="C1" s="290"/>
      <c r="D1" s="290"/>
      <c r="E1" s="290"/>
      <c r="F1" s="290"/>
      <c r="G1" s="290"/>
      <c r="H1" s="290"/>
      <c r="I1" s="290"/>
      <c r="J1" s="112"/>
    </row>
    <row r="2" spans="1:10" s="26" customFormat="1" ht="11.25" customHeight="1" x14ac:dyDescent="0.2">
      <c r="A2" s="153"/>
      <c r="J2" s="112"/>
    </row>
    <row r="3" spans="1:10" s="45" customFormat="1" ht="10.5" x14ac:dyDescent="0.2">
      <c r="A3" s="740" t="s">
        <v>638</v>
      </c>
      <c r="B3" s="740"/>
      <c r="C3" s="740"/>
      <c r="D3" s="740"/>
      <c r="E3" s="740"/>
      <c r="F3" s="740"/>
      <c r="G3" s="740"/>
      <c r="H3" s="740"/>
      <c r="I3" s="740"/>
      <c r="J3" s="56"/>
    </row>
    <row r="4" spans="1:10" s="45" customFormat="1" ht="10.5" x14ac:dyDescent="0.2">
      <c r="A4" s="740" t="s">
        <v>105</v>
      </c>
      <c r="B4" s="740"/>
      <c r="C4" s="740"/>
      <c r="D4" s="740"/>
      <c r="E4" s="740"/>
      <c r="F4" s="740"/>
      <c r="G4" s="740"/>
      <c r="H4" s="740"/>
      <c r="I4" s="740"/>
      <c r="J4" s="56"/>
    </row>
    <row r="5" spans="1:10" s="45" customFormat="1" ht="10.5" x14ac:dyDescent="0.2">
      <c r="A5" s="740" t="s">
        <v>127</v>
      </c>
      <c r="B5" s="740"/>
      <c r="C5" s="740"/>
      <c r="D5" s="740"/>
      <c r="E5" s="740"/>
      <c r="F5" s="740"/>
      <c r="G5" s="740"/>
      <c r="H5" s="740"/>
      <c r="I5" s="740"/>
      <c r="J5" s="56"/>
    </row>
    <row r="6" spans="1:10" s="45" customFormat="1" ht="10.5" x14ac:dyDescent="0.2">
      <c r="A6" s="740" t="s">
        <v>738</v>
      </c>
      <c r="B6" s="740"/>
      <c r="C6" s="740"/>
      <c r="D6" s="740"/>
      <c r="E6" s="740"/>
      <c r="F6" s="740"/>
      <c r="G6" s="740"/>
      <c r="H6" s="740"/>
      <c r="I6" s="740"/>
      <c r="J6" s="56"/>
    </row>
    <row r="7" spans="1:10" s="45" customFormat="1" ht="10.5" x14ac:dyDescent="0.2">
      <c r="A7" s="740" t="s">
        <v>902</v>
      </c>
      <c r="B7" s="740"/>
      <c r="C7" s="740"/>
      <c r="D7" s="740"/>
      <c r="E7" s="740"/>
      <c r="F7" s="740"/>
      <c r="G7" s="740"/>
      <c r="H7" s="740"/>
      <c r="I7" s="740"/>
      <c r="J7" s="56"/>
    </row>
    <row r="8" spans="1:10" s="26" customFormat="1" ht="11.25" customHeight="1" x14ac:dyDescent="0.2">
      <c r="J8" s="112"/>
    </row>
    <row r="9" spans="1:10" s="26" customFormat="1" ht="10.5" x14ac:dyDescent="0.2">
      <c r="A9" s="26" t="s">
        <v>366</v>
      </c>
      <c r="F9" s="840"/>
      <c r="G9" s="840"/>
      <c r="I9" s="623">
        <v>1</v>
      </c>
      <c r="J9" s="112"/>
    </row>
    <row r="10" spans="1:10" ht="15" customHeight="1" x14ac:dyDescent="0.15">
      <c r="A10" s="774" t="s">
        <v>110</v>
      </c>
      <c r="B10" s="838" t="s">
        <v>108</v>
      </c>
      <c r="C10" s="839"/>
      <c r="D10" s="838" t="s">
        <v>108</v>
      </c>
      <c r="E10" s="839"/>
      <c r="F10" s="788" t="s">
        <v>109</v>
      </c>
      <c r="G10" s="820"/>
      <c r="H10" s="820"/>
      <c r="I10" s="820"/>
    </row>
    <row r="11" spans="1:10" ht="15" customHeight="1" x14ac:dyDescent="0.2">
      <c r="A11" s="777"/>
      <c r="B11" s="807" t="s">
        <v>111</v>
      </c>
      <c r="C11" s="808"/>
      <c r="D11" s="810" t="s">
        <v>112</v>
      </c>
      <c r="E11" s="777"/>
      <c r="F11" s="772" t="s">
        <v>115</v>
      </c>
      <c r="G11" s="774"/>
      <c r="H11" s="772" t="s">
        <v>115</v>
      </c>
      <c r="I11" s="773"/>
    </row>
    <row r="12" spans="1:10" ht="15" customHeight="1" x14ac:dyDescent="0.2">
      <c r="A12" s="778"/>
      <c r="B12" s="789"/>
      <c r="C12" s="809"/>
      <c r="D12" s="811"/>
      <c r="E12" s="778"/>
      <c r="F12" s="807">
        <v>2016</v>
      </c>
      <c r="G12" s="808"/>
      <c r="H12" s="810">
        <v>2015</v>
      </c>
      <c r="I12" s="812"/>
    </row>
    <row r="13" spans="1:10" s="66" customFormat="1" ht="10.5" x14ac:dyDescent="0.2">
      <c r="A13" s="155" t="s">
        <v>281</v>
      </c>
      <c r="B13" s="711">
        <v>0</v>
      </c>
      <c r="C13" s="712"/>
      <c r="D13" s="711">
        <v>20449468.079999998</v>
      </c>
      <c r="E13" s="712"/>
      <c r="F13" s="711">
        <v>20449468.079999998</v>
      </c>
      <c r="G13" s="712"/>
      <c r="H13" s="711">
        <v>6076432.8500000006</v>
      </c>
      <c r="I13" s="724"/>
      <c r="J13" s="155"/>
    </row>
    <row r="14" spans="1:10" s="66" customFormat="1" ht="10.5" x14ac:dyDescent="0.2">
      <c r="A14" s="155" t="s">
        <v>8</v>
      </c>
      <c r="B14" s="709">
        <v>0</v>
      </c>
      <c r="C14" s="710"/>
      <c r="D14" s="709">
        <v>20449468.079999998</v>
      </c>
      <c r="E14" s="710"/>
      <c r="F14" s="709">
        <v>20449468.079999998</v>
      </c>
      <c r="G14" s="710"/>
      <c r="H14" s="709">
        <v>6076432.8500000006</v>
      </c>
      <c r="I14" s="727"/>
      <c r="J14" s="155"/>
    </row>
    <row r="15" spans="1:10" ht="10.5" x14ac:dyDescent="0.2">
      <c r="A15" s="264" t="s">
        <v>128</v>
      </c>
      <c r="B15" s="697">
        <v>0</v>
      </c>
      <c r="C15" s="698"/>
      <c r="D15" s="697">
        <v>10396624.939999999</v>
      </c>
      <c r="E15" s="698"/>
      <c r="F15" s="697">
        <v>10396624.939999999</v>
      </c>
      <c r="G15" s="698"/>
      <c r="H15" s="697">
        <v>3966170.4000000004</v>
      </c>
      <c r="I15" s="715"/>
    </row>
    <row r="16" spans="1:10" ht="10.5" x14ac:dyDescent="0.2">
      <c r="A16" s="264" t="s">
        <v>282</v>
      </c>
      <c r="B16" s="697">
        <v>0</v>
      </c>
      <c r="C16" s="698"/>
      <c r="D16" s="697">
        <v>8801364.7899999991</v>
      </c>
      <c r="E16" s="698"/>
      <c r="F16" s="697">
        <v>8801364.7899999991</v>
      </c>
      <c r="G16" s="698"/>
      <c r="H16" s="697">
        <v>3715952.66</v>
      </c>
      <c r="I16" s="715"/>
    </row>
    <row r="17" spans="1:9" ht="10.5" x14ac:dyDescent="0.2">
      <c r="A17" s="264" t="s">
        <v>129</v>
      </c>
      <c r="B17" s="697">
        <v>0</v>
      </c>
      <c r="C17" s="698"/>
      <c r="D17" s="697">
        <v>8801112.3699999992</v>
      </c>
      <c r="E17" s="698"/>
      <c r="F17" s="697">
        <v>8801112.3699999992</v>
      </c>
      <c r="G17" s="698"/>
      <c r="H17" s="697">
        <v>3715952.66</v>
      </c>
      <c r="I17" s="715"/>
    </row>
    <row r="18" spans="1:9" ht="10.5" x14ac:dyDescent="0.2">
      <c r="A18" s="264" t="s">
        <v>130</v>
      </c>
      <c r="B18" s="697">
        <v>0</v>
      </c>
      <c r="C18" s="698"/>
      <c r="D18" s="697">
        <v>0</v>
      </c>
      <c r="E18" s="698"/>
      <c r="F18" s="697">
        <v>0</v>
      </c>
      <c r="G18" s="698"/>
      <c r="H18" s="697">
        <v>0</v>
      </c>
      <c r="I18" s="715"/>
    </row>
    <row r="19" spans="1:9" ht="10.5" x14ac:dyDescent="0.2">
      <c r="A19" s="264" t="s">
        <v>131</v>
      </c>
      <c r="B19" s="697">
        <v>0</v>
      </c>
      <c r="C19" s="698"/>
      <c r="D19" s="697">
        <v>252.42</v>
      </c>
      <c r="E19" s="698"/>
      <c r="F19" s="697">
        <v>252.42</v>
      </c>
      <c r="G19" s="698"/>
      <c r="H19" s="697">
        <v>0</v>
      </c>
      <c r="I19" s="715"/>
    </row>
    <row r="20" spans="1:9" ht="10.5" x14ac:dyDescent="0.2">
      <c r="A20" s="264" t="s">
        <v>283</v>
      </c>
      <c r="B20" s="697">
        <v>0</v>
      </c>
      <c r="C20" s="698"/>
      <c r="D20" s="697">
        <v>1595260.15</v>
      </c>
      <c r="E20" s="698"/>
      <c r="F20" s="697">
        <v>1595260.15</v>
      </c>
      <c r="G20" s="698"/>
      <c r="H20" s="697">
        <v>250217.74</v>
      </c>
      <c r="I20" s="715"/>
    </row>
    <row r="21" spans="1:9" ht="10.5" x14ac:dyDescent="0.2">
      <c r="A21" s="264" t="s">
        <v>132</v>
      </c>
      <c r="B21" s="697">
        <v>0</v>
      </c>
      <c r="C21" s="698"/>
      <c r="D21" s="697">
        <v>1595260.15</v>
      </c>
      <c r="E21" s="698"/>
      <c r="F21" s="697">
        <v>1595260.15</v>
      </c>
      <c r="G21" s="698"/>
      <c r="H21" s="697">
        <v>250217.74</v>
      </c>
      <c r="I21" s="715"/>
    </row>
    <row r="22" spans="1:9" ht="10.5" x14ac:dyDescent="0.2">
      <c r="A22" s="264" t="s">
        <v>133</v>
      </c>
      <c r="B22" s="697">
        <v>0</v>
      </c>
      <c r="C22" s="698"/>
      <c r="D22" s="697">
        <v>0</v>
      </c>
      <c r="E22" s="698"/>
      <c r="F22" s="697">
        <v>0</v>
      </c>
      <c r="G22" s="698"/>
      <c r="H22" s="697">
        <v>0</v>
      </c>
      <c r="I22" s="715"/>
    </row>
    <row r="23" spans="1:9" ht="10.5" x14ac:dyDescent="0.2">
      <c r="A23" s="264" t="s">
        <v>740</v>
      </c>
      <c r="B23" s="697"/>
      <c r="C23" s="698"/>
      <c r="D23" s="697">
        <v>0</v>
      </c>
      <c r="E23" s="698"/>
      <c r="F23" s="697">
        <v>0</v>
      </c>
      <c r="G23" s="698"/>
      <c r="H23" s="697">
        <v>0</v>
      </c>
      <c r="I23" s="715"/>
    </row>
    <row r="24" spans="1:9" ht="10.5" x14ac:dyDescent="0.2">
      <c r="A24" s="264" t="s">
        <v>155</v>
      </c>
      <c r="B24" s="697"/>
      <c r="C24" s="698"/>
      <c r="D24" s="697">
        <v>8302.8700000000008</v>
      </c>
      <c r="E24" s="698"/>
      <c r="F24" s="697">
        <v>8302.8700000000008</v>
      </c>
      <c r="G24" s="698"/>
      <c r="H24" s="697">
        <v>251523.98</v>
      </c>
      <c r="I24" s="715"/>
    </row>
    <row r="25" spans="1:9" ht="10.5" x14ac:dyDescent="0.2">
      <c r="A25" s="264" t="s">
        <v>311</v>
      </c>
      <c r="B25" s="697">
        <v>0</v>
      </c>
      <c r="C25" s="698"/>
      <c r="D25" s="697">
        <v>10044540.27</v>
      </c>
      <c r="E25" s="698"/>
      <c r="F25" s="697">
        <v>10044540.27</v>
      </c>
      <c r="G25" s="698"/>
      <c r="H25" s="697">
        <v>1858738.47</v>
      </c>
      <c r="I25" s="715"/>
    </row>
    <row r="26" spans="1:9" ht="10.5" x14ac:dyDescent="0.2">
      <c r="A26" s="264" t="s">
        <v>16</v>
      </c>
      <c r="B26" s="697"/>
      <c r="C26" s="698"/>
      <c r="D26" s="697">
        <v>0</v>
      </c>
      <c r="E26" s="698"/>
      <c r="F26" s="697">
        <v>0</v>
      </c>
      <c r="G26" s="698"/>
      <c r="H26" s="697">
        <v>0</v>
      </c>
      <c r="I26" s="715"/>
    </row>
    <row r="27" spans="1:9" ht="10.5" x14ac:dyDescent="0.2">
      <c r="A27" s="264" t="s">
        <v>17</v>
      </c>
      <c r="B27" s="697"/>
      <c r="C27" s="698"/>
      <c r="D27" s="697">
        <v>10044540.27</v>
      </c>
      <c r="E27" s="698"/>
      <c r="F27" s="697">
        <v>10044540.27</v>
      </c>
      <c r="G27" s="698"/>
      <c r="H27" s="697">
        <v>1858738.47</v>
      </c>
      <c r="I27" s="715"/>
    </row>
    <row r="28" spans="1:9" ht="10.5" x14ac:dyDescent="0.2">
      <c r="A28" s="264" t="s">
        <v>19</v>
      </c>
      <c r="B28" s="697"/>
      <c r="C28" s="698"/>
      <c r="D28" s="697">
        <v>0</v>
      </c>
      <c r="E28" s="698"/>
      <c r="F28" s="697">
        <v>0</v>
      </c>
      <c r="G28" s="698"/>
      <c r="H28" s="697">
        <v>0</v>
      </c>
      <c r="I28" s="715"/>
    </row>
    <row r="29" spans="1:9" ht="10.5" x14ac:dyDescent="0.2">
      <c r="A29" s="264" t="s">
        <v>227</v>
      </c>
      <c r="B29" s="697"/>
      <c r="C29" s="698"/>
      <c r="D29" s="697">
        <v>0</v>
      </c>
      <c r="E29" s="698"/>
      <c r="F29" s="697">
        <v>0</v>
      </c>
      <c r="G29" s="698"/>
      <c r="H29" s="697">
        <v>0</v>
      </c>
      <c r="I29" s="715"/>
    </row>
    <row r="30" spans="1:9" ht="10.5" x14ac:dyDescent="0.2">
      <c r="A30" s="54" t="s">
        <v>284</v>
      </c>
      <c r="B30" s="697">
        <v>0</v>
      </c>
      <c r="C30" s="698"/>
      <c r="D30" s="697">
        <v>0</v>
      </c>
      <c r="E30" s="698"/>
      <c r="F30" s="697">
        <v>0</v>
      </c>
      <c r="G30" s="698"/>
      <c r="H30" s="697">
        <v>0</v>
      </c>
      <c r="I30" s="715"/>
    </row>
    <row r="31" spans="1:9" ht="10.5" x14ac:dyDescent="0.2">
      <c r="A31" s="122" t="s">
        <v>543</v>
      </c>
      <c r="B31" s="697"/>
      <c r="C31" s="698"/>
      <c r="D31" s="697">
        <v>0</v>
      </c>
      <c r="E31" s="698"/>
      <c r="F31" s="697">
        <v>0</v>
      </c>
      <c r="G31" s="698"/>
      <c r="H31" s="697">
        <v>0</v>
      </c>
      <c r="I31" s="715"/>
    </row>
    <row r="32" spans="1:9" ht="10.5" x14ac:dyDescent="0.2">
      <c r="A32" s="122" t="s">
        <v>544</v>
      </c>
      <c r="B32" s="697"/>
      <c r="C32" s="698"/>
      <c r="D32" s="697">
        <v>0</v>
      </c>
      <c r="E32" s="698"/>
      <c r="F32" s="697">
        <v>0</v>
      </c>
      <c r="G32" s="698"/>
      <c r="H32" s="697">
        <v>0</v>
      </c>
      <c r="I32" s="715"/>
    </row>
    <row r="33" spans="1:10" s="66" customFormat="1" ht="10.5" x14ac:dyDescent="0.2">
      <c r="A33" s="156" t="s">
        <v>40</v>
      </c>
      <c r="B33" s="697">
        <v>0</v>
      </c>
      <c r="C33" s="698"/>
      <c r="D33" s="697">
        <v>0</v>
      </c>
      <c r="E33" s="698"/>
      <c r="F33" s="697">
        <v>0</v>
      </c>
      <c r="G33" s="698"/>
      <c r="H33" s="697">
        <v>0</v>
      </c>
      <c r="I33" s="715"/>
      <c r="J33" s="155"/>
    </row>
    <row r="34" spans="1:10" ht="10.5" x14ac:dyDescent="0.2">
      <c r="A34" s="122" t="s">
        <v>120</v>
      </c>
      <c r="B34" s="697"/>
      <c r="C34" s="698"/>
      <c r="D34" s="697">
        <v>0</v>
      </c>
      <c r="E34" s="698"/>
      <c r="F34" s="697">
        <v>0</v>
      </c>
      <c r="G34" s="698"/>
      <c r="H34" s="697">
        <v>0</v>
      </c>
      <c r="I34" s="715"/>
    </row>
    <row r="35" spans="1:10" ht="10.5" x14ac:dyDescent="0.2">
      <c r="A35" s="264" t="s">
        <v>228</v>
      </c>
      <c r="B35" s="697"/>
      <c r="C35" s="698"/>
      <c r="D35" s="697">
        <v>0</v>
      </c>
      <c r="E35" s="698"/>
      <c r="F35" s="697">
        <v>0</v>
      </c>
      <c r="G35" s="698"/>
      <c r="H35" s="697">
        <v>0</v>
      </c>
      <c r="I35" s="715"/>
    </row>
    <row r="36" spans="1:10" ht="10.5" x14ac:dyDescent="0.2">
      <c r="A36" s="122" t="s">
        <v>285</v>
      </c>
      <c r="B36" s="697"/>
      <c r="C36" s="698"/>
      <c r="D36" s="697">
        <v>0</v>
      </c>
      <c r="E36" s="698"/>
      <c r="F36" s="697">
        <v>0</v>
      </c>
      <c r="G36" s="698"/>
      <c r="H36" s="697">
        <v>0</v>
      </c>
      <c r="I36" s="715"/>
    </row>
    <row r="37" spans="1:10" s="152" customFormat="1" ht="10.5" x14ac:dyDescent="0.2">
      <c r="A37" s="66"/>
      <c r="B37" s="697"/>
      <c r="C37" s="698"/>
      <c r="D37" s="697">
        <v>0</v>
      </c>
      <c r="E37" s="698"/>
      <c r="F37" s="697">
        <v>0</v>
      </c>
      <c r="G37" s="698"/>
      <c r="H37" s="697">
        <v>0</v>
      </c>
      <c r="I37" s="715"/>
      <c r="J37" s="217"/>
    </row>
    <row r="38" spans="1:10" s="66" customFormat="1" ht="15" customHeight="1" x14ac:dyDescent="0.2">
      <c r="A38" s="157" t="s">
        <v>545</v>
      </c>
      <c r="B38" s="703">
        <v>40860000</v>
      </c>
      <c r="C38" s="704"/>
      <c r="D38" s="703">
        <v>60850793.640000001</v>
      </c>
      <c r="E38" s="704"/>
      <c r="F38" s="703">
        <v>19990793.640000001</v>
      </c>
      <c r="G38" s="704"/>
      <c r="H38" s="703">
        <v>9168320.8499999996</v>
      </c>
      <c r="I38" s="737"/>
      <c r="J38" s="155"/>
    </row>
    <row r="39" spans="1:10" ht="18.75" customHeight="1" x14ac:dyDescent="0.2">
      <c r="A39" s="123" t="s">
        <v>758</v>
      </c>
      <c r="B39" s="713">
        <v>40860000</v>
      </c>
      <c r="C39" s="714"/>
      <c r="D39" s="713">
        <v>81300261.719999999</v>
      </c>
      <c r="E39" s="714"/>
      <c r="F39" s="713">
        <v>40440261.719999999</v>
      </c>
      <c r="G39" s="714"/>
      <c r="H39" s="713">
        <v>15244753.699999999</v>
      </c>
      <c r="I39" s="735"/>
    </row>
    <row r="40" spans="1:10" ht="10.5" x14ac:dyDescent="0.2">
      <c r="A40" s="124"/>
      <c r="B40" s="121"/>
      <c r="C40" s="121"/>
      <c r="D40" s="15"/>
      <c r="E40" s="121"/>
      <c r="F40" s="74"/>
      <c r="G40" s="74"/>
      <c r="H40" s="25"/>
      <c r="I40" s="25"/>
    </row>
    <row r="41" spans="1:10" ht="30" customHeight="1" x14ac:dyDescent="0.15">
      <c r="A41" s="774" t="s">
        <v>160</v>
      </c>
      <c r="B41" s="200" t="s">
        <v>157</v>
      </c>
      <c r="C41" s="200" t="s">
        <v>157</v>
      </c>
      <c r="D41" s="749" t="s">
        <v>158</v>
      </c>
      <c r="E41" s="751"/>
      <c r="F41" s="790" t="s">
        <v>159</v>
      </c>
      <c r="G41" s="819"/>
      <c r="H41" s="790" t="s">
        <v>347</v>
      </c>
      <c r="I41" s="791"/>
    </row>
    <row r="42" spans="1:10" ht="15" customHeight="1" x14ac:dyDescent="0.2">
      <c r="A42" s="777"/>
      <c r="B42" s="804" t="s">
        <v>111</v>
      </c>
      <c r="C42" s="804" t="s">
        <v>112</v>
      </c>
      <c r="D42" s="302" t="s">
        <v>115</v>
      </c>
      <c r="E42" s="302" t="s">
        <v>115</v>
      </c>
      <c r="F42" s="302" t="s">
        <v>115</v>
      </c>
      <c r="G42" s="302" t="s">
        <v>115</v>
      </c>
      <c r="H42" s="786" t="s">
        <v>883</v>
      </c>
      <c r="I42" s="788" t="s">
        <v>884</v>
      </c>
    </row>
    <row r="43" spans="1:10" ht="15" customHeight="1" x14ac:dyDescent="0.2">
      <c r="A43" s="778"/>
      <c r="B43" s="776"/>
      <c r="C43" s="776"/>
      <c r="D43" s="307">
        <v>2016</v>
      </c>
      <c r="E43" s="306">
        <v>2015</v>
      </c>
      <c r="F43" s="307">
        <v>2016</v>
      </c>
      <c r="G43" s="306">
        <v>2015</v>
      </c>
      <c r="H43" s="787"/>
      <c r="I43" s="789"/>
    </row>
    <row r="44" spans="1:10" s="66" customFormat="1" ht="10.5" x14ac:dyDescent="0.2">
      <c r="A44" s="158" t="s">
        <v>134</v>
      </c>
      <c r="B44" s="428">
        <v>40860000</v>
      </c>
      <c r="C44" s="428">
        <v>40860000</v>
      </c>
      <c r="D44" s="428">
        <v>1923440</v>
      </c>
      <c r="E44" s="428">
        <v>215518.93</v>
      </c>
      <c r="F44" s="428">
        <v>868697.69</v>
      </c>
      <c r="G44" s="428">
        <v>64518.93</v>
      </c>
      <c r="H44" s="428">
        <v>0</v>
      </c>
      <c r="I44" s="511">
        <v>0</v>
      </c>
      <c r="J44" s="155"/>
    </row>
    <row r="45" spans="1:10" s="66" customFormat="1" ht="10.5" x14ac:dyDescent="0.2">
      <c r="A45" s="66" t="s">
        <v>280</v>
      </c>
      <c r="B45" s="423">
        <v>38760000</v>
      </c>
      <c r="C45" s="423">
        <v>38784600</v>
      </c>
      <c r="D45" s="423">
        <v>0</v>
      </c>
      <c r="E45" s="423">
        <v>0</v>
      </c>
      <c r="F45" s="423">
        <v>0</v>
      </c>
      <c r="G45" s="423">
        <v>0</v>
      </c>
      <c r="H45" s="423">
        <v>0</v>
      </c>
      <c r="I45" s="424">
        <v>0</v>
      </c>
      <c r="J45" s="155"/>
    </row>
    <row r="46" spans="1:10" ht="10.5" x14ac:dyDescent="0.2">
      <c r="A46" s="26" t="s">
        <v>286</v>
      </c>
      <c r="B46" s="423">
        <v>38760000</v>
      </c>
      <c r="C46" s="423">
        <v>38784600</v>
      </c>
      <c r="D46" s="423">
        <v>0</v>
      </c>
      <c r="E46" s="423">
        <v>0</v>
      </c>
      <c r="F46" s="423">
        <v>0</v>
      </c>
      <c r="G46" s="423">
        <v>0</v>
      </c>
      <c r="H46" s="423">
        <v>0</v>
      </c>
      <c r="I46" s="424">
        <v>0</v>
      </c>
    </row>
    <row r="47" spans="1:10" ht="10.5" x14ac:dyDescent="0.2">
      <c r="A47" s="26" t="s">
        <v>287</v>
      </c>
      <c r="B47" s="423">
        <v>0</v>
      </c>
      <c r="C47" s="423">
        <v>0</v>
      </c>
      <c r="D47" s="423">
        <v>0</v>
      </c>
      <c r="E47" s="423">
        <v>0</v>
      </c>
      <c r="F47" s="423">
        <v>0</v>
      </c>
      <c r="G47" s="423">
        <v>0</v>
      </c>
      <c r="H47" s="423">
        <v>0</v>
      </c>
      <c r="I47" s="424">
        <v>0</v>
      </c>
    </row>
    <row r="48" spans="1:10" s="66" customFormat="1" ht="10.5" x14ac:dyDescent="0.2">
      <c r="A48" s="290" t="s">
        <v>135</v>
      </c>
      <c r="B48" s="421">
        <v>2100000</v>
      </c>
      <c r="C48" s="421">
        <v>2075400</v>
      </c>
      <c r="D48" s="421">
        <v>1923440</v>
      </c>
      <c r="E48" s="421">
        <v>215518.93</v>
      </c>
      <c r="F48" s="421">
        <v>868697.69</v>
      </c>
      <c r="G48" s="421">
        <v>64518.93</v>
      </c>
      <c r="H48" s="421">
        <v>0</v>
      </c>
      <c r="I48" s="422">
        <v>0</v>
      </c>
      <c r="J48" s="155"/>
    </row>
    <row r="49" spans="1:10" ht="10.5" x14ac:dyDescent="0.2">
      <c r="A49" s="26" t="s">
        <v>201</v>
      </c>
      <c r="B49" s="423">
        <v>1726996</v>
      </c>
      <c r="C49" s="423">
        <v>1941396</v>
      </c>
      <c r="D49" s="423">
        <v>1897440</v>
      </c>
      <c r="E49" s="423">
        <v>215518.93</v>
      </c>
      <c r="F49" s="423">
        <v>847191.37</v>
      </c>
      <c r="G49" s="423">
        <v>64518.93</v>
      </c>
      <c r="H49" s="423">
        <v>0</v>
      </c>
      <c r="I49" s="424">
        <v>0</v>
      </c>
    </row>
    <row r="50" spans="1:10" ht="10.5" x14ac:dyDescent="0.2">
      <c r="A50" s="26" t="s">
        <v>288</v>
      </c>
      <c r="B50" s="423">
        <v>0</v>
      </c>
      <c r="C50" s="423">
        <v>161000</v>
      </c>
      <c r="D50" s="423">
        <v>161000</v>
      </c>
      <c r="E50" s="423">
        <v>0</v>
      </c>
      <c r="F50" s="423">
        <v>46610.14</v>
      </c>
      <c r="G50" s="423">
        <v>0</v>
      </c>
      <c r="H50" s="423">
        <v>0</v>
      </c>
      <c r="I50" s="424">
        <v>0</v>
      </c>
    </row>
    <row r="51" spans="1:10" ht="10.5" x14ac:dyDescent="0.15">
      <c r="A51" s="26" t="s">
        <v>289</v>
      </c>
      <c r="B51" s="530">
        <v>11400</v>
      </c>
      <c r="C51" s="423">
        <v>105400</v>
      </c>
      <c r="D51" s="423">
        <v>105400</v>
      </c>
      <c r="E51" s="423">
        <v>0</v>
      </c>
      <c r="F51" s="423">
        <v>21898.97</v>
      </c>
      <c r="G51" s="423">
        <v>0</v>
      </c>
      <c r="H51" s="423">
        <v>0</v>
      </c>
      <c r="I51" s="424">
        <v>0</v>
      </c>
    </row>
    <row r="52" spans="1:10" ht="10.5" x14ac:dyDescent="0.15">
      <c r="A52" s="26" t="s">
        <v>290</v>
      </c>
      <c r="B52" s="521">
        <v>1715596</v>
      </c>
      <c r="C52" s="423">
        <v>1674996</v>
      </c>
      <c r="D52" s="423">
        <v>1631040</v>
      </c>
      <c r="E52" s="423">
        <v>215518.93</v>
      </c>
      <c r="F52" s="423">
        <v>778682.26</v>
      </c>
      <c r="G52" s="423">
        <v>64518.93</v>
      </c>
      <c r="H52" s="423">
        <v>0</v>
      </c>
      <c r="I52" s="424">
        <v>0</v>
      </c>
    </row>
    <row r="53" spans="1:10" ht="10.5" x14ac:dyDescent="0.2">
      <c r="A53" s="26" t="s">
        <v>202</v>
      </c>
      <c r="B53" s="508">
        <v>373004</v>
      </c>
      <c r="C53" s="423">
        <v>134004</v>
      </c>
      <c r="D53" s="423">
        <v>26000</v>
      </c>
      <c r="E53" s="423">
        <v>0</v>
      </c>
      <c r="F53" s="423">
        <v>21506.32</v>
      </c>
      <c r="G53" s="423">
        <v>0</v>
      </c>
      <c r="H53" s="423">
        <v>0</v>
      </c>
      <c r="I53" s="424">
        <v>0</v>
      </c>
    </row>
    <row r="54" spans="1:10" ht="10.5" x14ac:dyDescent="0.15">
      <c r="A54" s="26" t="s">
        <v>291</v>
      </c>
      <c r="B54" s="521">
        <v>0</v>
      </c>
      <c r="C54" s="423">
        <v>8772.24</v>
      </c>
      <c r="D54" s="423">
        <v>8772.24</v>
      </c>
      <c r="E54" s="423">
        <v>0</v>
      </c>
      <c r="F54" s="423">
        <v>8772.24</v>
      </c>
      <c r="G54" s="423">
        <v>0</v>
      </c>
      <c r="H54" s="423">
        <v>0</v>
      </c>
      <c r="I54" s="424">
        <v>0</v>
      </c>
    </row>
    <row r="55" spans="1:10" ht="10.5" x14ac:dyDescent="0.15">
      <c r="A55" s="26" t="s">
        <v>289</v>
      </c>
      <c r="B55" s="521">
        <v>30000</v>
      </c>
      <c r="C55" s="423">
        <v>17227.759999999998</v>
      </c>
      <c r="D55" s="423">
        <v>17227.759999999998</v>
      </c>
      <c r="E55" s="423">
        <v>0</v>
      </c>
      <c r="F55" s="423">
        <v>12734.08</v>
      </c>
      <c r="G55" s="423">
        <v>0</v>
      </c>
      <c r="H55" s="423">
        <v>0</v>
      </c>
      <c r="I55" s="424">
        <v>0</v>
      </c>
    </row>
    <row r="56" spans="1:10" ht="10.5" x14ac:dyDescent="0.15">
      <c r="A56" s="26" t="s">
        <v>290</v>
      </c>
      <c r="B56" s="521">
        <v>343004</v>
      </c>
      <c r="C56" s="423">
        <v>108004</v>
      </c>
      <c r="D56" s="423">
        <v>0</v>
      </c>
      <c r="E56" s="423">
        <v>0</v>
      </c>
      <c r="F56" s="423">
        <v>0</v>
      </c>
      <c r="G56" s="423">
        <v>0</v>
      </c>
      <c r="H56" s="423">
        <v>0</v>
      </c>
      <c r="I56" s="424">
        <v>0</v>
      </c>
    </row>
    <row r="57" spans="1:10" ht="10.5" x14ac:dyDescent="0.2">
      <c r="A57" s="26" t="s">
        <v>292</v>
      </c>
      <c r="B57" s="508">
        <v>0</v>
      </c>
      <c r="C57" s="423">
        <v>0</v>
      </c>
      <c r="D57" s="423">
        <v>0</v>
      </c>
      <c r="E57" s="423">
        <v>0</v>
      </c>
      <c r="F57" s="423">
        <v>0</v>
      </c>
      <c r="G57" s="423">
        <v>0</v>
      </c>
      <c r="H57" s="423">
        <v>0</v>
      </c>
      <c r="I57" s="424">
        <v>0</v>
      </c>
    </row>
    <row r="58" spans="1:10" ht="10.5" x14ac:dyDescent="0.15">
      <c r="A58" s="26" t="s">
        <v>229</v>
      </c>
      <c r="B58" s="521">
        <v>0</v>
      </c>
      <c r="C58" s="423">
        <v>0</v>
      </c>
      <c r="D58" s="423">
        <v>0</v>
      </c>
      <c r="E58" s="423">
        <v>0</v>
      </c>
      <c r="F58" s="423">
        <v>0</v>
      </c>
      <c r="G58" s="423">
        <v>0</v>
      </c>
      <c r="H58" s="423">
        <v>0</v>
      </c>
      <c r="I58" s="424">
        <v>0</v>
      </c>
    </row>
    <row r="59" spans="1:10" ht="10.5" x14ac:dyDescent="0.15">
      <c r="A59" s="26" t="s">
        <v>60</v>
      </c>
      <c r="B59" s="521">
        <v>0</v>
      </c>
      <c r="C59" s="423">
        <v>0</v>
      </c>
      <c r="D59" s="423">
        <v>0</v>
      </c>
      <c r="E59" s="423">
        <v>0</v>
      </c>
      <c r="F59" s="423">
        <v>0</v>
      </c>
      <c r="G59" s="423">
        <v>0</v>
      </c>
      <c r="H59" s="423">
        <v>0</v>
      </c>
      <c r="I59" s="424">
        <v>0</v>
      </c>
    </row>
    <row r="60" spans="1:10" s="66" customFormat="1" ht="15" customHeight="1" x14ac:dyDescent="0.2">
      <c r="A60" s="315" t="s">
        <v>546</v>
      </c>
      <c r="B60" s="522">
        <v>0</v>
      </c>
      <c r="C60" s="421">
        <v>0</v>
      </c>
      <c r="D60" s="421">
        <v>0</v>
      </c>
      <c r="E60" s="421">
        <v>0</v>
      </c>
      <c r="F60" s="421">
        <v>0</v>
      </c>
      <c r="G60" s="421">
        <v>0</v>
      </c>
      <c r="H60" s="421">
        <v>0</v>
      </c>
      <c r="I60" s="422">
        <v>0</v>
      </c>
      <c r="J60" s="155"/>
    </row>
    <row r="61" spans="1:10" s="66" customFormat="1" ht="15" customHeight="1" x14ac:dyDescent="0.2">
      <c r="A61" s="27" t="s">
        <v>741</v>
      </c>
      <c r="B61" s="362">
        <v>40860000</v>
      </c>
      <c r="C61" s="362">
        <v>40860000</v>
      </c>
      <c r="D61" s="362">
        <v>1923440</v>
      </c>
      <c r="E61" s="362">
        <v>337500</v>
      </c>
      <c r="F61" s="362">
        <v>868697.69</v>
      </c>
      <c r="G61" s="362">
        <v>64518.93</v>
      </c>
      <c r="H61" s="362">
        <v>0</v>
      </c>
      <c r="I61" s="363">
        <v>0</v>
      </c>
      <c r="J61" s="155"/>
    </row>
    <row r="62" spans="1:10" s="20" customFormat="1" ht="10.5" x14ac:dyDescent="0.2">
      <c r="A62" s="126"/>
      <c r="B62" s="526"/>
      <c r="C62" s="526"/>
      <c r="D62" s="526"/>
      <c r="E62" s="526"/>
      <c r="F62" s="527"/>
      <c r="G62" s="527"/>
      <c r="H62" s="527"/>
      <c r="I62" s="527"/>
      <c r="J62" s="217"/>
    </row>
    <row r="63" spans="1:10" s="66" customFormat="1" ht="15" customHeight="1" x14ac:dyDescent="0.2">
      <c r="A63" s="27" t="s">
        <v>547</v>
      </c>
      <c r="B63" s="362">
        <v>0</v>
      </c>
      <c r="C63" s="362">
        <v>40440261.719999999</v>
      </c>
      <c r="D63" s="362"/>
      <c r="E63" s="362"/>
      <c r="F63" s="362">
        <v>39571564.030000001</v>
      </c>
      <c r="G63" s="362">
        <v>15180234.77</v>
      </c>
      <c r="H63" s="362"/>
      <c r="I63" s="363"/>
      <c r="J63" s="155"/>
    </row>
    <row r="64" spans="1:10" ht="10.5" x14ac:dyDescent="0.2">
      <c r="A64" s="31"/>
      <c r="B64" s="28"/>
      <c r="C64" s="28"/>
      <c r="D64" s="28"/>
      <c r="E64" s="28"/>
      <c r="F64" s="217"/>
      <c r="G64" s="217"/>
      <c r="H64" s="217"/>
      <c r="I64" s="217"/>
    </row>
    <row r="65" spans="1:10" ht="12.75" customHeight="1" x14ac:dyDescent="0.15">
      <c r="A65" s="821" t="s">
        <v>548</v>
      </c>
      <c r="B65" s="838" t="s">
        <v>108</v>
      </c>
      <c r="C65" s="839"/>
      <c r="D65" s="838" t="s">
        <v>108</v>
      </c>
      <c r="E65" s="839"/>
      <c r="F65" s="788" t="s">
        <v>109</v>
      </c>
      <c r="G65" s="820"/>
      <c r="H65" s="820"/>
      <c r="I65" s="820"/>
    </row>
    <row r="66" spans="1:10" ht="10.5" x14ac:dyDescent="0.2">
      <c r="A66" s="808"/>
      <c r="B66" s="807" t="s">
        <v>111</v>
      </c>
      <c r="C66" s="808"/>
      <c r="D66" s="810" t="s">
        <v>112</v>
      </c>
      <c r="E66" s="777"/>
      <c r="F66" s="772" t="s">
        <v>115</v>
      </c>
      <c r="G66" s="774"/>
      <c r="H66" s="772" t="s">
        <v>115</v>
      </c>
      <c r="I66" s="773"/>
    </row>
    <row r="67" spans="1:10" ht="10.5" x14ac:dyDescent="0.2">
      <c r="A67" s="809"/>
      <c r="B67" s="789"/>
      <c r="C67" s="809"/>
      <c r="D67" s="811"/>
      <c r="E67" s="778"/>
      <c r="F67" s="807">
        <v>2016</v>
      </c>
      <c r="G67" s="808"/>
      <c r="H67" s="810">
        <v>2015</v>
      </c>
      <c r="I67" s="812"/>
    </row>
    <row r="68" spans="1:10" s="66" customFormat="1" ht="10.5" x14ac:dyDescent="0.2">
      <c r="A68" s="159" t="s">
        <v>136</v>
      </c>
      <c r="B68" s="707">
        <v>0</v>
      </c>
      <c r="C68" s="708"/>
      <c r="D68" s="707">
        <v>0</v>
      </c>
      <c r="E68" s="708"/>
      <c r="F68" s="836">
        <v>0</v>
      </c>
      <c r="G68" s="842"/>
      <c r="H68" s="836">
        <v>0</v>
      </c>
      <c r="I68" s="837"/>
      <c r="J68" s="155"/>
    </row>
    <row r="69" spans="1:10" s="66" customFormat="1" ht="10.5" x14ac:dyDescent="0.2">
      <c r="A69" s="159" t="s">
        <v>137</v>
      </c>
      <c r="B69" s="697">
        <v>0</v>
      </c>
      <c r="C69" s="698"/>
      <c r="D69" s="697">
        <v>0</v>
      </c>
      <c r="E69" s="698"/>
      <c r="F69" s="794">
        <v>0</v>
      </c>
      <c r="G69" s="795"/>
      <c r="H69" s="794">
        <v>0</v>
      </c>
      <c r="I69" s="799"/>
      <c r="J69" s="155"/>
    </row>
    <row r="70" spans="1:10" ht="10.5" x14ac:dyDescent="0.2">
      <c r="A70" s="118" t="s">
        <v>138</v>
      </c>
      <c r="B70" s="697"/>
      <c r="C70" s="698"/>
      <c r="D70" s="697">
        <v>0</v>
      </c>
      <c r="E70" s="698"/>
      <c r="F70" s="794"/>
      <c r="G70" s="795"/>
      <c r="H70" s="794">
        <v>0</v>
      </c>
      <c r="I70" s="799"/>
    </row>
    <row r="71" spans="1:10" ht="10.5" x14ac:dyDescent="0.2">
      <c r="A71" s="118" t="s">
        <v>139</v>
      </c>
      <c r="B71" s="697"/>
      <c r="C71" s="698"/>
      <c r="D71" s="697">
        <v>0</v>
      </c>
      <c r="E71" s="698"/>
      <c r="F71" s="794"/>
      <c r="G71" s="795"/>
      <c r="H71" s="794">
        <v>0</v>
      </c>
      <c r="I71" s="799"/>
    </row>
    <row r="72" spans="1:10" ht="10.5" x14ac:dyDescent="0.2">
      <c r="A72" s="118" t="s">
        <v>140</v>
      </c>
      <c r="B72" s="697"/>
      <c r="C72" s="698"/>
      <c r="D72" s="697">
        <v>0</v>
      </c>
      <c r="E72" s="698"/>
      <c r="F72" s="794"/>
      <c r="G72" s="795"/>
      <c r="H72" s="794">
        <v>0</v>
      </c>
      <c r="I72" s="799"/>
    </row>
    <row r="73" spans="1:10" s="66" customFormat="1" ht="10.5" x14ac:dyDescent="0.2">
      <c r="A73" s="159" t="s">
        <v>141</v>
      </c>
      <c r="B73" s="697">
        <v>0</v>
      </c>
      <c r="C73" s="698"/>
      <c r="D73" s="697">
        <v>0</v>
      </c>
      <c r="E73" s="698"/>
      <c r="F73" s="794">
        <v>0</v>
      </c>
      <c r="G73" s="795"/>
      <c r="H73" s="794">
        <v>0</v>
      </c>
      <c r="I73" s="799"/>
      <c r="J73" s="155"/>
    </row>
    <row r="74" spans="1:10" ht="10.5" x14ac:dyDescent="0.2">
      <c r="A74" s="118" t="s">
        <v>142</v>
      </c>
      <c r="B74" s="697"/>
      <c r="C74" s="698"/>
      <c r="D74" s="697">
        <v>0</v>
      </c>
      <c r="E74" s="698"/>
      <c r="F74" s="794"/>
      <c r="G74" s="795"/>
      <c r="H74" s="794"/>
      <c r="I74" s="799"/>
    </row>
    <row r="75" spans="1:10" ht="10.5" x14ac:dyDescent="0.2">
      <c r="A75" s="118" t="s">
        <v>143</v>
      </c>
      <c r="B75" s="697"/>
      <c r="C75" s="698"/>
      <c r="D75" s="697">
        <v>0</v>
      </c>
      <c r="E75" s="698"/>
      <c r="F75" s="794"/>
      <c r="G75" s="795"/>
      <c r="H75" s="794"/>
      <c r="I75" s="799"/>
    </row>
    <row r="76" spans="1:10" ht="10.5" x14ac:dyDescent="0.2">
      <c r="A76" s="120" t="s">
        <v>140</v>
      </c>
      <c r="B76" s="699"/>
      <c r="C76" s="700"/>
      <c r="D76" s="699">
        <v>0</v>
      </c>
      <c r="E76" s="700"/>
      <c r="F76" s="792"/>
      <c r="G76" s="798"/>
      <c r="H76" s="792"/>
      <c r="I76" s="793"/>
    </row>
    <row r="77" spans="1:10" ht="10.5" x14ac:dyDescent="0.2">
      <c r="A77" s="303"/>
      <c r="B77" s="303"/>
      <c r="C77" s="303"/>
      <c r="D77" s="191"/>
      <c r="E77" s="191"/>
      <c r="F77" s="191"/>
      <c r="G77" s="68"/>
      <c r="H77" s="68"/>
      <c r="I77" s="68"/>
    </row>
    <row r="78" spans="1:10" ht="15" customHeight="1" x14ac:dyDescent="0.2">
      <c r="A78" s="791" t="s">
        <v>144</v>
      </c>
      <c r="B78" s="791"/>
      <c r="C78" s="819"/>
      <c r="D78" s="790" t="s">
        <v>122</v>
      </c>
      <c r="E78" s="791"/>
      <c r="F78" s="791"/>
      <c r="G78" s="791"/>
      <c r="H78" s="791"/>
      <c r="I78" s="791"/>
    </row>
    <row r="79" spans="1:10" s="66" customFormat="1" ht="15" customHeight="1" x14ac:dyDescent="0.2">
      <c r="A79" s="805" t="s">
        <v>209</v>
      </c>
      <c r="B79" s="805"/>
      <c r="C79" s="806"/>
      <c r="D79" s="823"/>
      <c r="E79" s="824"/>
      <c r="F79" s="824"/>
      <c r="G79" s="824"/>
      <c r="H79" s="824"/>
      <c r="I79" s="824"/>
      <c r="J79" s="155"/>
    </row>
    <row r="80" spans="1:10" ht="10.5" x14ac:dyDescent="0.2">
      <c r="A80" s="305"/>
      <c r="B80" s="305"/>
      <c r="C80" s="305"/>
      <c r="D80" s="304"/>
      <c r="E80" s="304"/>
      <c r="F80" s="304"/>
      <c r="G80" s="74"/>
      <c r="H80" s="74"/>
      <c r="I80" s="74"/>
    </row>
    <row r="81" spans="1:10" ht="15" customHeight="1" x14ac:dyDescent="0.2">
      <c r="A81" s="820" t="s">
        <v>549</v>
      </c>
      <c r="B81" s="820"/>
      <c r="C81" s="821"/>
      <c r="D81" s="788" t="s">
        <v>208</v>
      </c>
      <c r="E81" s="820"/>
      <c r="F81" s="820"/>
      <c r="G81" s="820"/>
      <c r="H81" s="820"/>
      <c r="I81" s="820"/>
    </row>
    <row r="82" spans="1:10" ht="15.75" customHeight="1" x14ac:dyDescent="0.2">
      <c r="A82" s="822"/>
      <c r="B82" s="822"/>
      <c r="C82" s="809"/>
      <c r="D82" s="790">
        <v>2016</v>
      </c>
      <c r="E82" s="791"/>
      <c r="F82" s="819"/>
      <c r="G82" s="791">
        <v>2015</v>
      </c>
      <c r="H82" s="791"/>
      <c r="I82" s="791"/>
    </row>
    <row r="83" spans="1:10" s="66" customFormat="1" ht="10.5" x14ac:dyDescent="0.2">
      <c r="A83" s="825" t="s">
        <v>123</v>
      </c>
      <c r="B83" s="825"/>
      <c r="C83" s="826"/>
      <c r="D83" s="836">
        <v>0</v>
      </c>
      <c r="E83" s="837"/>
      <c r="F83" s="842"/>
      <c r="G83" s="836">
        <v>0</v>
      </c>
      <c r="H83" s="837"/>
      <c r="I83" s="837"/>
      <c r="J83" s="155"/>
    </row>
    <row r="84" spans="1:10" s="66" customFormat="1" ht="10.5" x14ac:dyDescent="0.2">
      <c r="A84" s="815" t="s">
        <v>124</v>
      </c>
      <c r="B84" s="815"/>
      <c r="C84" s="816"/>
      <c r="D84" s="794">
        <v>1264939.18</v>
      </c>
      <c r="E84" s="799"/>
      <c r="F84" s="795"/>
      <c r="G84" s="794">
        <v>78240.649999999994</v>
      </c>
      <c r="H84" s="799"/>
      <c r="I84" s="799"/>
      <c r="J84" s="155"/>
    </row>
    <row r="85" spans="1:10" s="66" customFormat="1" ht="10.5" x14ac:dyDescent="0.2">
      <c r="A85" s="815" t="s">
        <v>125</v>
      </c>
      <c r="B85" s="815"/>
      <c r="C85" s="816"/>
      <c r="D85" s="794">
        <v>164698446.87</v>
      </c>
      <c r="E85" s="799"/>
      <c r="F85" s="795"/>
      <c r="G85" s="794">
        <v>54778661.329999998</v>
      </c>
      <c r="H85" s="799"/>
      <c r="I85" s="799"/>
      <c r="J85" s="155"/>
    </row>
    <row r="86" spans="1:10" s="66" customFormat="1" ht="10.5" x14ac:dyDescent="0.2">
      <c r="A86" s="817" t="s">
        <v>126</v>
      </c>
      <c r="B86" s="817"/>
      <c r="C86" s="818"/>
      <c r="D86" s="792">
        <v>0</v>
      </c>
      <c r="E86" s="793"/>
      <c r="F86" s="798"/>
      <c r="G86" s="792">
        <v>0</v>
      </c>
      <c r="H86" s="793"/>
      <c r="I86" s="793"/>
      <c r="J86" s="155"/>
    </row>
    <row r="87" spans="1:10" s="20" customFormat="1" ht="10.5" x14ac:dyDescent="0.2">
      <c r="A87" s="182"/>
      <c r="B87" s="182"/>
      <c r="C87" s="119"/>
      <c r="D87" s="814"/>
      <c r="E87" s="814"/>
      <c r="F87" s="303"/>
      <c r="G87" s="119"/>
      <c r="H87" s="74"/>
      <c r="I87" s="74"/>
      <c r="J87" s="217"/>
    </row>
    <row r="88" spans="1:10" ht="15" customHeight="1" x14ac:dyDescent="0.15">
      <c r="A88" s="774" t="s">
        <v>145</v>
      </c>
      <c r="B88" s="838" t="s">
        <v>108</v>
      </c>
      <c r="C88" s="839"/>
      <c r="D88" s="838" t="s">
        <v>108</v>
      </c>
      <c r="E88" s="839"/>
      <c r="F88" s="788" t="s">
        <v>109</v>
      </c>
      <c r="G88" s="820"/>
      <c r="H88" s="820"/>
      <c r="I88" s="820"/>
    </row>
    <row r="89" spans="1:10" ht="15" customHeight="1" x14ac:dyDescent="0.2">
      <c r="A89" s="777"/>
      <c r="B89" s="807" t="s">
        <v>111</v>
      </c>
      <c r="C89" s="808"/>
      <c r="D89" s="810" t="s">
        <v>112</v>
      </c>
      <c r="E89" s="777"/>
      <c r="F89" s="772" t="s">
        <v>115</v>
      </c>
      <c r="G89" s="774"/>
      <c r="H89" s="772" t="s">
        <v>115</v>
      </c>
      <c r="I89" s="773"/>
    </row>
    <row r="90" spans="1:10" ht="15" customHeight="1" x14ac:dyDescent="0.2">
      <c r="A90" s="778"/>
      <c r="B90" s="789"/>
      <c r="C90" s="809"/>
      <c r="D90" s="811"/>
      <c r="E90" s="778"/>
      <c r="F90" s="789">
        <v>2016</v>
      </c>
      <c r="G90" s="809"/>
      <c r="H90" s="811">
        <v>2015</v>
      </c>
      <c r="I90" s="841"/>
    </row>
    <row r="91" spans="1:10" s="66" customFormat="1" ht="10.5" x14ac:dyDescent="0.2">
      <c r="A91" s="155" t="s">
        <v>147</v>
      </c>
      <c r="B91" s="711">
        <v>40860000</v>
      </c>
      <c r="C91" s="712"/>
      <c r="D91" s="711">
        <v>60850793.640000001</v>
      </c>
      <c r="E91" s="712"/>
      <c r="F91" s="711">
        <v>19990793.640000001</v>
      </c>
      <c r="G91" s="712"/>
      <c r="H91" s="711">
        <v>9168320.8500000015</v>
      </c>
      <c r="I91" s="724"/>
      <c r="J91" s="155"/>
    </row>
    <row r="92" spans="1:10" s="66" customFormat="1" ht="10.5" x14ac:dyDescent="0.2">
      <c r="A92" s="264" t="s">
        <v>178</v>
      </c>
      <c r="B92" s="697">
        <v>0</v>
      </c>
      <c r="C92" s="698"/>
      <c r="D92" s="697">
        <v>19990793.640000001</v>
      </c>
      <c r="E92" s="698"/>
      <c r="F92" s="697">
        <v>19990793.640000001</v>
      </c>
      <c r="G92" s="698"/>
      <c r="H92" s="697">
        <v>9118873.0800000019</v>
      </c>
      <c r="I92" s="715"/>
      <c r="J92" s="155"/>
    </row>
    <row r="93" spans="1:10" ht="10.5" x14ac:dyDescent="0.2">
      <c r="A93" s="264" t="s">
        <v>146</v>
      </c>
      <c r="B93" s="697">
        <v>0</v>
      </c>
      <c r="C93" s="698"/>
      <c r="D93" s="697">
        <v>19990793.640000001</v>
      </c>
      <c r="E93" s="698"/>
      <c r="F93" s="697">
        <v>19990793.640000001</v>
      </c>
      <c r="G93" s="698"/>
      <c r="H93" s="697">
        <v>9030136.6900000013</v>
      </c>
      <c r="I93" s="715"/>
    </row>
    <row r="94" spans="1:10" ht="10.5" x14ac:dyDescent="0.2">
      <c r="A94" s="264" t="s">
        <v>282</v>
      </c>
      <c r="B94" s="697">
        <v>0</v>
      </c>
      <c r="C94" s="698"/>
      <c r="D94" s="697">
        <v>16834158.449999999</v>
      </c>
      <c r="E94" s="698"/>
      <c r="F94" s="697">
        <v>16834158.449999999</v>
      </c>
      <c r="G94" s="698"/>
      <c r="H94" s="697">
        <v>5788309.1100000003</v>
      </c>
      <c r="I94" s="715"/>
    </row>
    <row r="95" spans="1:10" ht="10.5" x14ac:dyDescent="0.2">
      <c r="A95" s="264" t="s">
        <v>129</v>
      </c>
      <c r="B95" s="697">
        <v>0</v>
      </c>
      <c r="C95" s="698"/>
      <c r="D95" s="697">
        <v>16834158.449999999</v>
      </c>
      <c r="E95" s="698"/>
      <c r="F95" s="697">
        <v>16834158.449999999</v>
      </c>
      <c r="G95" s="698"/>
      <c r="H95" s="697">
        <v>5788309.1100000003</v>
      </c>
      <c r="I95" s="715"/>
    </row>
    <row r="96" spans="1:10" ht="10.5" x14ac:dyDescent="0.2">
      <c r="A96" s="264" t="s">
        <v>130</v>
      </c>
      <c r="B96" s="697">
        <v>0</v>
      </c>
      <c r="C96" s="698"/>
      <c r="D96" s="697">
        <v>0</v>
      </c>
      <c r="E96" s="698"/>
      <c r="F96" s="697"/>
      <c r="G96" s="698"/>
      <c r="H96" s="697">
        <v>0</v>
      </c>
      <c r="I96" s="715"/>
    </row>
    <row r="97" spans="1:10" ht="10.5" x14ac:dyDescent="0.2">
      <c r="A97" s="264" t="s">
        <v>131</v>
      </c>
      <c r="B97" s="697">
        <v>0</v>
      </c>
      <c r="C97" s="698"/>
      <c r="D97" s="697">
        <v>0</v>
      </c>
      <c r="E97" s="698"/>
      <c r="F97" s="697"/>
      <c r="G97" s="698"/>
      <c r="H97" s="697">
        <v>0</v>
      </c>
      <c r="I97" s="715"/>
    </row>
    <row r="98" spans="1:10" ht="10.5" x14ac:dyDescent="0.2">
      <c r="A98" s="264" t="s">
        <v>283</v>
      </c>
      <c r="B98" s="697">
        <v>0</v>
      </c>
      <c r="C98" s="698"/>
      <c r="D98" s="697">
        <v>3156635.19</v>
      </c>
      <c r="E98" s="698"/>
      <c r="F98" s="697">
        <v>3156635.19</v>
      </c>
      <c r="G98" s="698"/>
      <c r="H98" s="697">
        <v>3241827.58</v>
      </c>
      <c r="I98" s="715"/>
    </row>
    <row r="99" spans="1:10" ht="10.5" x14ac:dyDescent="0.2">
      <c r="A99" s="264" t="s">
        <v>132</v>
      </c>
      <c r="B99" s="697">
        <v>0</v>
      </c>
      <c r="C99" s="698"/>
      <c r="D99" s="697">
        <v>3156635.19</v>
      </c>
      <c r="E99" s="698"/>
      <c r="F99" s="697">
        <v>3156635.19</v>
      </c>
      <c r="G99" s="698"/>
      <c r="H99" s="697">
        <v>3241827.58</v>
      </c>
      <c r="I99" s="715"/>
    </row>
    <row r="100" spans="1:10" ht="10.5" x14ac:dyDescent="0.2">
      <c r="A100" s="264" t="s">
        <v>133</v>
      </c>
      <c r="B100" s="697">
        <v>0</v>
      </c>
      <c r="C100" s="698"/>
      <c r="D100" s="697">
        <v>0</v>
      </c>
      <c r="E100" s="698"/>
      <c r="F100" s="697"/>
      <c r="G100" s="698"/>
      <c r="H100" s="697">
        <v>0</v>
      </c>
      <c r="I100" s="715"/>
    </row>
    <row r="101" spans="1:10" ht="10.5" x14ac:dyDescent="0.2">
      <c r="A101" s="264" t="s">
        <v>740</v>
      </c>
      <c r="B101" s="697">
        <v>0</v>
      </c>
      <c r="C101" s="698"/>
      <c r="D101" s="697">
        <v>0</v>
      </c>
      <c r="E101" s="698"/>
      <c r="F101" s="697"/>
      <c r="G101" s="698"/>
      <c r="H101" s="697">
        <v>0</v>
      </c>
      <c r="I101" s="715"/>
    </row>
    <row r="102" spans="1:10" ht="10.5" x14ac:dyDescent="0.2">
      <c r="A102" s="264" t="s">
        <v>760</v>
      </c>
      <c r="B102" s="697">
        <v>0</v>
      </c>
      <c r="C102" s="698"/>
      <c r="D102" s="697">
        <v>0</v>
      </c>
      <c r="E102" s="698"/>
      <c r="F102" s="697">
        <v>0</v>
      </c>
      <c r="G102" s="698"/>
      <c r="H102" s="697">
        <v>88736.39</v>
      </c>
      <c r="I102" s="715"/>
    </row>
    <row r="103" spans="1:10" ht="10.5" x14ac:dyDescent="0.2">
      <c r="A103" s="264" t="s">
        <v>761</v>
      </c>
      <c r="B103" s="697">
        <v>0</v>
      </c>
      <c r="C103" s="698"/>
      <c r="D103" s="697">
        <v>0</v>
      </c>
      <c r="E103" s="698"/>
      <c r="F103" s="697"/>
      <c r="G103" s="698"/>
      <c r="H103" s="697">
        <v>0</v>
      </c>
      <c r="I103" s="715"/>
    </row>
    <row r="104" spans="1:10" ht="10.5" x14ac:dyDescent="0.2">
      <c r="A104" s="264" t="s">
        <v>179</v>
      </c>
      <c r="B104" s="697">
        <v>0</v>
      </c>
      <c r="C104" s="698"/>
      <c r="D104" s="697">
        <v>0</v>
      </c>
      <c r="E104" s="698"/>
      <c r="F104" s="697"/>
      <c r="G104" s="698"/>
      <c r="H104" s="697">
        <v>0</v>
      </c>
      <c r="I104" s="715"/>
    </row>
    <row r="105" spans="1:10" ht="10.5" x14ac:dyDescent="0.2">
      <c r="A105" s="264" t="s">
        <v>186</v>
      </c>
      <c r="B105" s="697">
        <v>0</v>
      </c>
      <c r="C105" s="698"/>
      <c r="D105" s="697">
        <v>0</v>
      </c>
      <c r="E105" s="698"/>
      <c r="F105" s="697"/>
      <c r="G105" s="698"/>
      <c r="H105" s="697">
        <v>0</v>
      </c>
      <c r="I105" s="715"/>
    </row>
    <row r="106" spans="1:10" ht="10.5" x14ac:dyDescent="0.2">
      <c r="A106" s="264" t="s">
        <v>183</v>
      </c>
      <c r="B106" s="697">
        <v>40860000</v>
      </c>
      <c r="C106" s="698"/>
      <c r="D106" s="697">
        <v>40860000</v>
      </c>
      <c r="E106" s="698"/>
      <c r="F106" s="697">
        <v>0</v>
      </c>
      <c r="G106" s="698"/>
      <c r="H106" s="697">
        <v>49447.77</v>
      </c>
      <c r="I106" s="715"/>
    </row>
    <row r="107" spans="1:10" s="66" customFormat="1" ht="10.5" x14ac:dyDescent="0.2">
      <c r="A107" s="66" t="s">
        <v>148</v>
      </c>
      <c r="B107" s="697">
        <v>0</v>
      </c>
      <c r="C107" s="698"/>
      <c r="D107" s="697">
        <v>0</v>
      </c>
      <c r="E107" s="698"/>
      <c r="F107" s="697">
        <v>0</v>
      </c>
      <c r="G107" s="698"/>
      <c r="H107" s="697">
        <v>0</v>
      </c>
      <c r="I107" s="715"/>
      <c r="J107" s="155"/>
    </row>
    <row r="108" spans="1:10" ht="10.5" x14ac:dyDescent="0.2">
      <c r="A108" s="122" t="s">
        <v>120</v>
      </c>
      <c r="B108" s="697">
        <v>0</v>
      </c>
      <c r="C108" s="698"/>
      <c r="D108" s="697">
        <v>0</v>
      </c>
      <c r="E108" s="698"/>
      <c r="F108" s="697"/>
      <c r="G108" s="698"/>
      <c r="H108" s="697">
        <v>0</v>
      </c>
      <c r="I108" s="715"/>
    </row>
    <row r="109" spans="1:10" ht="10.5" x14ac:dyDescent="0.2">
      <c r="A109" s="264" t="s">
        <v>228</v>
      </c>
      <c r="B109" s="697">
        <v>0</v>
      </c>
      <c r="C109" s="698"/>
      <c r="D109" s="697">
        <v>0</v>
      </c>
      <c r="E109" s="698"/>
      <c r="F109" s="697"/>
      <c r="G109" s="698"/>
      <c r="H109" s="697">
        <v>0</v>
      </c>
      <c r="I109" s="715"/>
    </row>
    <row r="110" spans="1:10" ht="10.5" x14ac:dyDescent="0.2">
      <c r="A110" s="122" t="s">
        <v>285</v>
      </c>
      <c r="B110" s="697">
        <v>0</v>
      </c>
      <c r="C110" s="698"/>
      <c r="D110" s="697">
        <v>0</v>
      </c>
      <c r="E110" s="698"/>
      <c r="F110" s="697"/>
      <c r="G110" s="698"/>
      <c r="H110" s="697">
        <v>0</v>
      </c>
      <c r="I110" s="715"/>
    </row>
    <row r="111" spans="1:10" s="152" customFormat="1" ht="10.5" x14ac:dyDescent="0.2">
      <c r="A111" s="66"/>
      <c r="B111" s="699"/>
      <c r="C111" s="700"/>
      <c r="D111" s="699"/>
      <c r="E111" s="700"/>
      <c r="F111" s="699"/>
      <c r="G111" s="700"/>
      <c r="H111" s="699"/>
      <c r="I111" s="736"/>
      <c r="J111" s="217"/>
    </row>
    <row r="112" spans="1:10" s="161" customFormat="1" ht="21.75" customHeight="1" x14ac:dyDescent="0.2">
      <c r="A112" s="162" t="s">
        <v>759</v>
      </c>
      <c r="B112" s="713">
        <v>40860000</v>
      </c>
      <c r="C112" s="714"/>
      <c r="D112" s="713">
        <v>60850793.640000001</v>
      </c>
      <c r="E112" s="714"/>
      <c r="F112" s="713">
        <v>19990793.640000001</v>
      </c>
      <c r="G112" s="714"/>
      <c r="H112" s="713">
        <v>9168320.8500000015</v>
      </c>
      <c r="I112" s="735"/>
      <c r="J112" s="406"/>
    </row>
    <row r="113" spans="1:10" ht="10.5" x14ac:dyDescent="0.15">
      <c r="A113" s="196"/>
      <c r="B113" s="197"/>
      <c r="C113" s="197"/>
      <c r="D113" s="198"/>
      <c r="E113" s="198"/>
      <c r="F113" s="198"/>
      <c r="G113" s="199"/>
      <c r="H113" s="199"/>
      <c r="I113" s="199"/>
    </row>
    <row r="114" spans="1:10" ht="33" customHeight="1" x14ac:dyDescent="0.15">
      <c r="A114" s="192"/>
      <c r="B114" s="200" t="s">
        <v>157</v>
      </c>
      <c r="C114" s="200" t="s">
        <v>157</v>
      </c>
      <c r="D114" s="749" t="s">
        <v>158</v>
      </c>
      <c r="E114" s="751"/>
      <c r="F114" s="790" t="s">
        <v>159</v>
      </c>
      <c r="G114" s="819"/>
      <c r="H114" s="790" t="s">
        <v>347</v>
      </c>
      <c r="I114" s="791"/>
    </row>
    <row r="115" spans="1:10" ht="15" customHeight="1" x14ac:dyDescent="0.2">
      <c r="A115" s="194" t="s">
        <v>149</v>
      </c>
      <c r="B115" s="804" t="s">
        <v>111</v>
      </c>
      <c r="C115" s="804" t="s">
        <v>112</v>
      </c>
      <c r="D115" s="302" t="s">
        <v>115</v>
      </c>
      <c r="E115" s="302" t="s">
        <v>115</v>
      </c>
      <c r="F115" s="302" t="s">
        <v>115</v>
      </c>
      <c r="G115" s="302" t="s">
        <v>115</v>
      </c>
      <c r="H115" s="786" t="s">
        <v>883</v>
      </c>
      <c r="I115" s="788" t="s">
        <v>884</v>
      </c>
    </row>
    <row r="116" spans="1:10" ht="15" customHeight="1" x14ac:dyDescent="0.2">
      <c r="A116" s="193"/>
      <c r="B116" s="776"/>
      <c r="C116" s="776"/>
      <c r="D116" s="307">
        <v>2016</v>
      </c>
      <c r="E116" s="306">
        <v>2015</v>
      </c>
      <c r="F116" s="307">
        <v>2016</v>
      </c>
      <c r="G116" s="306">
        <v>2015</v>
      </c>
      <c r="H116" s="787"/>
      <c r="I116" s="789"/>
    </row>
    <row r="117" spans="1:10" s="66" customFormat="1" ht="12.75" customHeight="1" x14ac:dyDescent="0.2">
      <c r="A117" s="160" t="s">
        <v>150</v>
      </c>
      <c r="B117" s="528">
        <v>0</v>
      </c>
      <c r="C117" s="528">
        <v>0</v>
      </c>
      <c r="D117" s="528">
        <v>0</v>
      </c>
      <c r="E117" s="528">
        <v>0</v>
      </c>
      <c r="F117" s="528">
        <v>0</v>
      </c>
      <c r="G117" s="528">
        <v>0</v>
      </c>
      <c r="H117" s="528">
        <v>0</v>
      </c>
      <c r="I117" s="529">
        <v>0</v>
      </c>
      <c r="J117" s="155"/>
    </row>
    <row r="118" spans="1:10" ht="10.5" x14ac:dyDescent="0.2">
      <c r="A118" s="29" t="s">
        <v>204</v>
      </c>
      <c r="B118" s="423"/>
      <c r="C118" s="423"/>
      <c r="D118" s="423"/>
      <c r="E118" s="423"/>
      <c r="F118" s="423"/>
      <c r="G118" s="423"/>
      <c r="H118" s="423"/>
      <c r="I118" s="526"/>
    </row>
    <row r="119" spans="1:10" ht="10.5" x14ac:dyDescent="0.2">
      <c r="A119" s="30" t="s">
        <v>205</v>
      </c>
      <c r="B119" s="423"/>
      <c r="C119" s="423"/>
      <c r="D119" s="423"/>
      <c r="E119" s="423"/>
      <c r="F119" s="423"/>
      <c r="G119" s="423"/>
      <c r="H119" s="423"/>
      <c r="I119" s="526"/>
    </row>
    <row r="120" spans="1:10" s="66" customFormat="1" ht="21" x14ac:dyDescent="0.2">
      <c r="A120" s="401" t="s">
        <v>151</v>
      </c>
      <c r="B120" s="362">
        <v>0</v>
      </c>
      <c r="C120" s="362">
        <v>0</v>
      </c>
      <c r="D120" s="362">
        <v>0</v>
      </c>
      <c r="E120" s="362">
        <v>0</v>
      </c>
      <c r="F120" s="362">
        <v>0</v>
      </c>
      <c r="G120" s="362">
        <v>0</v>
      </c>
      <c r="H120" s="362">
        <v>0</v>
      </c>
      <c r="I120" s="363">
        <v>0</v>
      </c>
      <c r="J120" s="155"/>
    </row>
    <row r="121" spans="1:10" ht="14.25" customHeight="1" x14ac:dyDescent="0.2">
      <c r="A121" s="182" t="s">
        <v>848</v>
      </c>
      <c r="B121" s="154"/>
      <c r="C121" s="154"/>
      <c r="D121" s="154"/>
      <c r="E121" s="154"/>
      <c r="I121" s="292"/>
    </row>
    <row r="122" spans="1:10" s="20" customFormat="1" ht="11.25" customHeight="1" x14ac:dyDescent="0.2">
      <c r="A122" s="217"/>
      <c r="J122" s="217"/>
    </row>
    <row r="124" spans="1:10" s="264" customFormat="1" ht="11.25" customHeight="1" x14ac:dyDescent="0.2">
      <c r="J124" s="217"/>
    </row>
    <row r="125" spans="1:10" s="264" customFormat="1" ht="11.25" customHeight="1" x14ac:dyDescent="0.2">
      <c r="J125" s="217"/>
    </row>
    <row r="128" spans="1:10" ht="11.25" customHeight="1" x14ac:dyDescent="0.2">
      <c r="A128" s="264"/>
      <c r="B128" s="264"/>
      <c r="C128" s="264"/>
      <c r="D128" s="264"/>
      <c r="E128" s="264"/>
      <c r="F128" s="264"/>
      <c r="G128" s="264"/>
      <c r="H128" s="264"/>
      <c r="I128" s="264"/>
    </row>
    <row r="130" s="45" customFormat="1" ht="11.25" customHeight="1" x14ac:dyDescent="0.2"/>
    <row r="131" s="45" customFormat="1" ht="11.25" customHeight="1" x14ac:dyDescent="0.2"/>
    <row r="132" s="45" customFormat="1" ht="11.25" customHeight="1" x14ac:dyDescent="0.2"/>
    <row r="133" s="45" customFormat="1" ht="11.25" customHeight="1" x14ac:dyDescent="0.2"/>
    <row r="134" s="45" customFormat="1" ht="11.25" customHeight="1" x14ac:dyDescent="0.2"/>
    <row r="135" s="45" customFormat="1" ht="11.25" customHeight="1" x14ac:dyDescent="0.2"/>
    <row r="136" s="45" customFormat="1" ht="11.25" customHeight="1" x14ac:dyDescent="0.2"/>
  </sheetData>
  <dataConsolidate/>
  <customSheetViews>
    <customSheetView guid="{6DBFA32C-4AA4-4E1D-9A48-697377C64CC3}" showPageBreaks="1" showGridLines="0" fitToPage="1" printArea="1" topLeftCell="A4">
      <selection activeCell="H9" sqref="H9"/>
      <pageMargins left="0.19685039370078741" right="0.19685039370078741" top="0.59055118110236227" bottom="0.19685039370078741" header="0" footer="0"/>
      <printOptions horizontalCentered="1"/>
      <pageSetup paperSize="9" scale="49" orientation="portrait" r:id="rId1"/>
      <headerFooter alignWithMargins="0"/>
    </customSheetView>
    <customSheetView guid="{3AAF6A5F-F9AA-430B-9AD9-1261ECDF41B5}" showPageBreaks="1" showGridLines="0" fitToPage="1" printArea="1">
      <selection activeCell="D27" sqref="D27:E27"/>
      <pageMargins left="0.19685039370078741" right="0.19685039370078741" top="0.59055118110236227" bottom="0.19685039370078741" header="0" footer="0"/>
      <printOptions horizontalCentered="1"/>
      <pageSetup paperSize="9" scale="49" orientation="portrait" r:id="rId2"/>
      <headerFooter alignWithMargins="0"/>
    </customSheetView>
    <customSheetView guid="{C779D862-DE28-46CD-A428-4AAA1056D1E1}" showPageBreaks="1" showGridLines="0" fitToPage="1" printArea="1" topLeftCell="A34">
      <selection activeCell="H9" sqref="H9"/>
      <pageMargins left="0.19685039370078741" right="0.19685039370078741" top="0.59055118110236227" bottom="0.19685039370078741" header="0" footer="0"/>
      <printOptions horizontalCentered="1"/>
      <pageSetup paperSize="9" scale="49" orientation="portrait" r:id="rId3"/>
      <headerFooter alignWithMargins="0"/>
    </customSheetView>
    <customSheetView guid="{25EF1E0D-169B-4051-B414-7E1196FC05E4}" showGridLines="0" fitToPage="1" topLeftCell="A37">
      <selection activeCell="D59" sqref="D59"/>
      <pageMargins left="0.19685039370078741" right="0.19685039370078741" top="0.59055118110236227" bottom="0.19685039370078741" header="0" footer="0"/>
      <printOptions horizontalCentered="1"/>
      <pageSetup paperSize="9" scale="49" orientation="portrait" r:id="rId4"/>
      <headerFooter alignWithMargins="0"/>
    </customSheetView>
    <customSheetView guid="{B4FED47C-EE37-4843-A570-282D4F8229D4}" showGridLines="0" fitToPage="1" topLeftCell="A25">
      <selection activeCell="A8" sqref="A8"/>
      <pageMargins left="0.19685039370078741" right="0.19685039370078741" top="0.59055118110236227" bottom="0.19685039370078741" header="0" footer="0"/>
      <printOptions horizontalCentered="1"/>
      <pageSetup paperSize="9" scale="49" orientation="portrait" r:id="rId5"/>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6"/>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7"/>
      <headerFooter alignWithMargins="0"/>
    </customSheetView>
    <customSheetView guid="{82EDB5A4-4824-4632-A540-7A52C92F04C7}" showPageBreaks="1" showGridLines="0" fitToPage="1" printArea="1">
      <selection activeCell="F24" sqref="F24:G24"/>
      <pageMargins left="0.19685039370078741" right="0.19685039370078741" top="0.59055118110236227" bottom="0.19685039370078741" header="0" footer="0"/>
      <printOptions horizontalCentered="1"/>
      <pageSetup paperSize="9" scale="49" orientation="portrait" r:id="rId8"/>
      <headerFooter alignWithMargins="0"/>
    </customSheetView>
  </customSheetViews>
  <mergeCells count="30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4:C14"/>
    <mergeCell ref="D13:E13"/>
    <mergeCell ref="F13:G13"/>
    <mergeCell ref="H13:I13"/>
    <mergeCell ref="D14:E14"/>
    <mergeCell ref="F14:G14"/>
    <mergeCell ref="H14:I14"/>
    <mergeCell ref="B15:C15"/>
    <mergeCell ref="D15:E15"/>
    <mergeCell ref="F15:G15"/>
    <mergeCell ref="H15:I15"/>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F31:G31"/>
    <mergeCell ref="H31:I31"/>
    <mergeCell ref="B32:C32"/>
    <mergeCell ref="D32:E32"/>
    <mergeCell ref="F32:G32"/>
    <mergeCell ref="H32:I32"/>
    <mergeCell ref="F29:G29"/>
    <mergeCell ref="H29:I29"/>
    <mergeCell ref="B30:C30"/>
    <mergeCell ref="D30:E30"/>
    <mergeCell ref="F30:G30"/>
    <mergeCell ref="H30:I30"/>
    <mergeCell ref="A65:A67"/>
    <mergeCell ref="H41:I41"/>
    <mergeCell ref="F41:G41"/>
    <mergeCell ref="D41:E41"/>
    <mergeCell ref="B37:C37"/>
    <mergeCell ref="D37:E37"/>
    <mergeCell ref="F37:G37"/>
    <mergeCell ref="H37:I37"/>
    <mergeCell ref="B38:C38"/>
    <mergeCell ref="D38:E38"/>
    <mergeCell ref="F38:G38"/>
    <mergeCell ref="A41:A43"/>
    <mergeCell ref="H67:I67"/>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69:C69"/>
    <mergeCell ref="D69:E69"/>
    <mergeCell ref="F69:G69"/>
    <mergeCell ref="H69:I69"/>
    <mergeCell ref="B70:C70"/>
    <mergeCell ref="D70:E70"/>
    <mergeCell ref="F70:G70"/>
    <mergeCell ref="H70:I70"/>
    <mergeCell ref="B71:C71"/>
    <mergeCell ref="D71:E71"/>
    <mergeCell ref="F71:G71"/>
    <mergeCell ref="H71:I71"/>
    <mergeCell ref="B72:C72"/>
    <mergeCell ref="D72:E72"/>
    <mergeCell ref="F72:G72"/>
    <mergeCell ref="H72:I72"/>
    <mergeCell ref="B73:C73"/>
    <mergeCell ref="D73:E73"/>
    <mergeCell ref="F73:G73"/>
    <mergeCell ref="H73:I73"/>
    <mergeCell ref="B74:C74"/>
    <mergeCell ref="D74:E74"/>
    <mergeCell ref="F74:G74"/>
    <mergeCell ref="H74:I74"/>
    <mergeCell ref="B75:C75"/>
    <mergeCell ref="D75:E75"/>
    <mergeCell ref="F75:G75"/>
    <mergeCell ref="H75:I75"/>
    <mergeCell ref="B76:C76"/>
    <mergeCell ref="D76:E76"/>
    <mergeCell ref="F76:G76"/>
    <mergeCell ref="H76:I76"/>
    <mergeCell ref="A78:C78"/>
    <mergeCell ref="D78:I78"/>
    <mergeCell ref="A79:C79"/>
    <mergeCell ref="D79:I79"/>
    <mergeCell ref="A81:C82"/>
    <mergeCell ref="D81:I81"/>
    <mergeCell ref="D82:F82"/>
    <mergeCell ref="G82:I82"/>
    <mergeCell ref="A86:C86"/>
    <mergeCell ref="D86:F86"/>
    <mergeCell ref="G86:I86"/>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s>
  <phoneticPr fontId="1" type="noConversion"/>
  <printOptions horizontalCentered="1"/>
  <pageMargins left="0.19685039370078741" right="0.19685039370078741" top="0.59055118110236227" bottom="0.19685039370078741" header="0" footer="0"/>
  <pageSetup paperSize="9" scale="49" orientation="portrait" r:id="rId9"/>
  <headerFooter alignWithMargins="0"/>
  <drawing r:id="rId1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pageSetUpPr fitToPage="1"/>
  </sheetPr>
  <dimension ref="A1:G60"/>
  <sheetViews>
    <sheetView showGridLines="0" zoomScaleNormal="100" workbookViewId="0">
      <selection activeCell="D21" sqref="D21:E21"/>
    </sheetView>
  </sheetViews>
  <sheetFormatPr defaultRowHeight="11.25" customHeight="1" x14ac:dyDescent="0.2"/>
  <cols>
    <col min="1" max="1" width="65.140625" style="170" customWidth="1"/>
    <col min="2" max="2" width="19" style="170" bestFit="1" customWidth="1"/>
    <col min="3" max="3" width="14.140625" style="170" customWidth="1"/>
    <col min="4" max="4" width="19" style="170" bestFit="1" customWidth="1"/>
    <col min="5" max="5" width="19.5703125" style="170" customWidth="1"/>
    <col min="6" max="6" width="19" style="170" bestFit="1" customWidth="1"/>
    <col min="7" max="7" width="16.42578125" style="170" customWidth="1"/>
    <col min="8" max="16384" width="9.140625" style="170"/>
  </cols>
  <sheetData>
    <row r="1" spans="1:7" s="26" customFormat="1" ht="10.5" x14ac:dyDescent="0.2">
      <c r="A1" s="290"/>
      <c r="B1" s="290"/>
      <c r="C1" s="290"/>
      <c r="D1" s="290"/>
      <c r="E1" s="290"/>
      <c r="F1" s="290"/>
      <c r="G1" s="290"/>
    </row>
    <row r="2" spans="1:7" s="26" customFormat="1" ht="10.5" x14ac:dyDescent="0.2">
      <c r="D2" s="112"/>
      <c r="E2" s="112"/>
    </row>
    <row r="3" spans="1:7" s="45" customFormat="1" ht="10.5" x14ac:dyDescent="0.2">
      <c r="A3" s="740" t="s">
        <v>638</v>
      </c>
      <c r="B3" s="740"/>
      <c r="C3" s="740"/>
      <c r="D3" s="740"/>
      <c r="E3" s="740"/>
      <c r="F3" s="740"/>
      <c r="G3" s="740"/>
    </row>
    <row r="4" spans="1:7" s="45" customFormat="1" ht="10.5" x14ac:dyDescent="0.2">
      <c r="A4" s="740" t="s">
        <v>105</v>
      </c>
      <c r="B4" s="740"/>
      <c r="C4" s="740"/>
      <c r="D4" s="740"/>
      <c r="E4" s="740"/>
      <c r="F4" s="740"/>
      <c r="G4" s="740"/>
    </row>
    <row r="5" spans="1:7" s="45" customFormat="1" ht="10.5" x14ac:dyDescent="0.2">
      <c r="A5" s="740" t="s">
        <v>552</v>
      </c>
      <c r="B5" s="740"/>
      <c r="C5" s="740"/>
      <c r="D5" s="740"/>
      <c r="E5" s="740"/>
      <c r="F5" s="740"/>
      <c r="G5" s="740"/>
    </row>
    <row r="6" spans="1:7" s="45" customFormat="1" ht="10.5" x14ac:dyDescent="0.2">
      <c r="A6" s="740" t="s">
        <v>107</v>
      </c>
      <c r="B6" s="740"/>
      <c r="C6" s="740"/>
      <c r="D6" s="740"/>
      <c r="E6" s="740"/>
      <c r="F6" s="740"/>
      <c r="G6" s="740"/>
    </row>
    <row r="7" spans="1:7" s="45" customFormat="1" ht="10.5" x14ac:dyDescent="0.2">
      <c r="A7" s="740" t="s">
        <v>902</v>
      </c>
      <c r="B7" s="740"/>
      <c r="C7" s="740"/>
      <c r="D7" s="740"/>
      <c r="E7" s="740"/>
      <c r="F7" s="740"/>
      <c r="G7" s="740"/>
    </row>
    <row r="8" spans="1:7" s="26" customFormat="1" ht="10.5" x14ac:dyDescent="0.2">
      <c r="A8" s="46"/>
      <c r="B8" s="46"/>
      <c r="C8" s="46"/>
      <c r="D8" s="46"/>
      <c r="E8" s="46"/>
      <c r="F8" s="46"/>
      <c r="G8" s="46"/>
    </row>
    <row r="9" spans="1:7" s="26" customFormat="1" ht="10.5" x14ac:dyDescent="0.2">
      <c r="A9" s="26" t="s">
        <v>553</v>
      </c>
      <c r="D9" s="131"/>
      <c r="E9" s="112"/>
      <c r="G9" s="624">
        <v>1</v>
      </c>
    </row>
    <row r="10" spans="1:7" s="66" customFormat="1" ht="15" customHeight="1" x14ac:dyDescent="0.2">
      <c r="A10" s="774" t="s">
        <v>554</v>
      </c>
      <c r="B10" s="790" t="s">
        <v>161</v>
      </c>
      <c r="C10" s="791"/>
      <c r="D10" s="791"/>
      <c r="E10" s="791"/>
      <c r="F10" s="791"/>
      <c r="G10" s="791"/>
    </row>
    <row r="11" spans="1:7" s="66" customFormat="1" ht="15" customHeight="1" x14ac:dyDescent="0.2">
      <c r="A11" s="777"/>
      <c r="B11" s="772" t="s">
        <v>882</v>
      </c>
      <c r="C11" s="774"/>
      <c r="D11" s="743" t="s">
        <v>904</v>
      </c>
      <c r="E11" s="744"/>
      <c r="F11" s="743" t="s">
        <v>905</v>
      </c>
      <c r="G11" s="847"/>
    </row>
    <row r="12" spans="1:7" s="66" customFormat="1" ht="15" customHeight="1" x14ac:dyDescent="0.2">
      <c r="A12" s="778"/>
      <c r="B12" s="789" t="s">
        <v>116</v>
      </c>
      <c r="C12" s="809"/>
      <c r="D12" s="848" t="s">
        <v>117</v>
      </c>
      <c r="E12" s="757"/>
      <c r="F12" s="756" t="s">
        <v>152</v>
      </c>
      <c r="G12" s="848"/>
    </row>
    <row r="13" spans="1:7" s="66" customFormat="1" ht="10.5" x14ac:dyDescent="0.2">
      <c r="A13" s="155" t="s">
        <v>555</v>
      </c>
      <c r="B13" s="711">
        <v>8801324237.5200005</v>
      </c>
      <c r="C13" s="712"/>
      <c r="D13" s="711">
        <v>8887363509.3899994</v>
      </c>
      <c r="E13" s="712"/>
      <c r="F13" s="711">
        <v>8719504457.3899994</v>
      </c>
      <c r="G13" s="724"/>
    </row>
    <row r="14" spans="1:7" s="66" customFormat="1" ht="10.5" x14ac:dyDescent="0.2">
      <c r="A14" s="155" t="s">
        <v>184</v>
      </c>
      <c r="B14" s="709">
        <v>1380230957.5900002</v>
      </c>
      <c r="C14" s="710"/>
      <c r="D14" s="709">
        <v>1453683939.1500001</v>
      </c>
      <c r="E14" s="710"/>
      <c r="F14" s="709">
        <v>1480551258.5799999</v>
      </c>
      <c r="G14" s="727"/>
    </row>
    <row r="15" spans="1:7" ht="10.5" x14ac:dyDescent="0.2">
      <c r="A15" s="169" t="s">
        <v>556</v>
      </c>
      <c r="B15" s="697">
        <v>1415582358.1700001</v>
      </c>
      <c r="C15" s="698"/>
      <c r="D15" s="697">
        <v>1610202851.7</v>
      </c>
      <c r="E15" s="698"/>
      <c r="F15" s="697">
        <v>1587309989.0999999</v>
      </c>
      <c r="G15" s="715"/>
    </row>
    <row r="16" spans="1:7" ht="10.5" x14ac:dyDescent="0.2">
      <c r="A16" s="169" t="s">
        <v>557</v>
      </c>
      <c r="B16" s="697">
        <v>0</v>
      </c>
      <c r="C16" s="698"/>
      <c r="D16" s="697">
        <v>0</v>
      </c>
      <c r="E16" s="698"/>
      <c r="F16" s="697">
        <v>0</v>
      </c>
      <c r="G16" s="715"/>
    </row>
    <row r="17" spans="1:7" ht="10.5" x14ac:dyDescent="0.2">
      <c r="A17" s="169" t="s">
        <v>558</v>
      </c>
      <c r="B17" s="697">
        <v>35351400.579999998</v>
      </c>
      <c r="C17" s="698"/>
      <c r="D17" s="697">
        <v>156518912.55000001</v>
      </c>
      <c r="E17" s="698"/>
      <c r="F17" s="697">
        <v>106758730.52</v>
      </c>
      <c r="G17" s="715"/>
    </row>
    <row r="18" spans="1:7" s="66" customFormat="1" ht="10.5" x14ac:dyDescent="0.2">
      <c r="A18" s="155" t="s">
        <v>559</v>
      </c>
      <c r="B18" s="709">
        <v>7421093279.9300003</v>
      </c>
      <c r="C18" s="710"/>
      <c r="D18" s="709">
        <v>7433679570.2399998</v>
      </c>
      <c r="E18" s="710"/>
      <c r="F18" s="709">
        <v>7238953198.8099995</v>
      </c>
      <c r="G18" s="727"/>
    </row>
    <row r="19" spans="1:7" s="66" customFormat="1" ht="10.5" x14ac:dyDescent="0.2">
      <c r="A19" s="155" t="s">
        <v>560</v>
      </c>
      <c r="B19" s="709">
        <v>0</v>
      </c>
      <c r="C19" s="710"/>
      <c r="D19" s="709">
        <v>0</v>
      </c>
      <c r="E19" s="710"/>
      <c r="F19" s="709">
        <v>0</v>
      </c>
      <c r="G19" s="727"/>
    </row>
    <row r="20" spans="1:7" s="66" customFormat="1" ht="10.5" x14ac:dyDescent="0.2">
      <c r="A20" s="155" t="s">
        <v>561</v>
      </c>
      <c r="B20" s="703">
        <v>92809023.230000004</v>
      </c>
      <c r="C20" s="704"/>
      <c r="D20" s="703">
        <v>93237683.379999995</v>
      </c>
      <c r="E20" s="704"/>
      <c r="F20" s="703">
        <v>93051051.120000005</v>
      </c>
      <c r="G20" s="737"/>
    </row>
    <row r="21" spans="1:7" s="66" customFormat="1" ht="15" customHeight="1" x14ac:dyDescent="0.2">
      <c r="A21" s="114" t="s">
        <v>562</v>
      </c>
      <c r="B21" s="713">
        <v>7328284256.7000008</v>
      </c>
      <c r="C21" s="714"/>
      <c r="D21" s="713">
        <v>7340441886.8599997</v>
      </c>
      <c r="E21" s="714"/>
      <c r="F21" s="713">
        <v>7145902147.6899996</v>
      </c>
      <c r="G21" s="735"/>
    </row>
    <row r="22" spans="1:7" ht="10.5" x14ac:dyDescent="0.2">
      <c r="B22" s="45"/>
      <c r="C22" s="45"/>
      <c r="D22" s="45"/>
      <c r="E22" s="45"/>
      <c r="F22" s="45"/>
      <c r="G22" s="45"/>
    </row>
    <row r="23" spans="1:7" s="66" customFormat="1" ht="15" customHeight="1" x14ac:dyDescent="0.2">
      <c r="A23" s="109"/>
      <c r="B23" s="749" t="s">
        <v>208</v>
      </c>
      <c r="C23" s="750"/>
      <c r="D23" s="750"/>
      <c r="E23" s="750"/>
      <c r="F23" s="750"/>
      <c r="G23" s="750"/>
    </row>
    <row r="24" spans="1:7" s="66" customFormat="1" ht="15" customHeight="1" x14ac:dyDescent="0.2">
      <c r="A24" s="167" t="s">
        <v>563</v>
      </c>
      <c r="B24" s="164"/>
      <c r="C24" s="165" t="s">
        <v>113</v>
      </c>
      <c r="D24" s="166"/>
      <c r="E24" s="164"/>
      <c r="F24" s="165" t="s">
        <v>115</v>
      </c>
      <c r="G24" s="165"/>
    </row>
    <row r="25" spans="1:7" s="66" customFormat="1" ht="15" customHeight="1" x14ac:dyDescent="0.2">
      <c r="A25" s="49"/>
      <c r="B25" s="16"/>
      <c r="C25" s="403" t="s">
        <v>564</v>
      </c>
      <c r="D25" s="163"/>
      <c r="E25" s="16"/>
      <c r="F25" s="403" t="s">
        <v>565</v>
      </c>
      <c r="G25" s="181"/>
    </row>
    <row r="26" spans="1:7" s="66" customFormat="1" ht="15" customHeight="1" x14ac:dyDescent="0.2">
      <c r="A26" s="168" t="s">
        <v>209</v>
      </c>
      <c r="B26" s="850">
        <v>-194539739.17000008</v>
      </c>
      <c r="C26" s="851"/>
      <c r="D26" s="852"/>
      <c r="E26" s="850">
        <v>-182382109.01000118</v>
      </c>
      <c r="F26" s="851"/>
      <c r="G26" s="851"/>
    </row>
    <row r="27" spans="1:7" ht="10.5" x14ac:dyDescent="0.2">
      <c r="B27" s="45"/>
      <c r="C27" s="45"/>
      <c r="D27" s="56"/>
      <c r="E27" s="56"/>
      <c r="F27" s="45"/>
      <c r="G27" s="45"/>
    </row>
    <row r="28" spans="1:7" s="66" customFormat="1" ht="15" customHeight="1" x14ac:dyDescent="0.2">
      <c r="A28" s="773" t="s">
        <v>566</v>
      </c>
      <c r="B28" s="773"/>
      <c r="C28" s="773"/>
      <c r="D28" s="774"/>
      <c r="E28" s="788" t="s">
        <v>567</v>
      </c>
      <c r="F28" s="820"/>
      <c r="G28" s="820"/>
    </row>
    <row r="29" spans="1:7" s="66" customFormat="1" ht="15" customHeight="1" x14ac:dyDescent="0.2">
      <c r="A29" s="845" t="s">
        <v>757</v>
      </c>
      <c r="B29" s="845"/>
      <c r="C29" s="845"/>
      <c r="D29" s="846"/>
      <c r="E29" s="843">
        <v>-297236000</v>
      </c>
      <c r="F29" s="844"/>
      <c r="G29" s="844"/>
    </row>
    <row r="30" spans="1:7" ht="10.5" x14ac:dyDescent="0.2">
      <c r="A30" s="25"/>
      <c r="B30" s="25"/>
      <c r="C30" s="25"/>
      <c r="D30" s="25"/>
      <c r="E30" s="64"/>
      <c r="F30" s="64"/>
      <c r="G30" s="64"/>
    </row>
    <row r="31" spans="1:7" s="66" customFormat="1" ht="15" customHeight="1" x14ac:dyDescent="0.2">
      <c r="A31" s="750" t="s">
        <v>568</v>
      </c>
      <c r="B31" s="750"/>
      <c r="C31" s="750"/>
      <c r="D31" s="750"/>
      <c r="E31" s="750"/>
      <c r="F31" s="750"/>
      <c r="G31" s="750"/>
    </row>
    <row r="32" spans="1:7" s="66" customFormat="1" ht="15" customHeight="1" x14ac:dyDescent="0.2">
      <c r="A32" s="109"/>
      <c r="B32" s="790" t="s">
        <v>161</v>
      </c>
      <c r="C32" s="791"/>
      <c r="D32" s="791"/>
      <c r="E32" s="791"/>
      <c r="F32" s="791"/>
      <c r="G32" s="791"/>
    </row>
    <row r="33" spans="1:7" s="66" customFormat="1" ht="15" customHeight="1" x14ac:dyDescent="0.2">
      <c r="A33" s="167" t="s">
        <v>569</v>
      </c>
      <c r="B33" s="772" t="s">
        <v>882</v>
      </c>
      <c r="C33" s="774"/>
      <c r="D33" s="743" t="s">
        <v>904</v>
      </c>
      <c r="E33" s="730"/>
      <c r="F33" s="743" t="s">
        <v>905</v>
      </c>
      <c r="G33" s="849"/>
    </row>
    <row r="34" spans="1:7" s="66" customFormat="1" ht="15" customHeight="1" x14ac:dyDescent="0.2">
      <c r="A34" s="49"/>
      <c r="B34" s="789" t="s">
        <v>116</v>
      </c>
      <c r="C34" s="809"/>
      <c r="D34" s="848" t="s">
        <v>117</v>
      </c>
      <c r="E34" s="757"/>
      <c r="F34" s="756" t="s">
        <v>152</v>
      </c>
      <c r="G34" s="848"/>
    </row>
    <row r="35" spans="1:7" s="66" customFormat="1" ht="10.5" x14ac:dyDescent="0.2">
      <c r="A35" s="66" t="s">
        <v>570</v>
      </c>
      <c r="B35" s="711">
        <v>532039590.57999998</v>
      </c>
      <c r="C35" s="712"/>
      <c r="D35" s="711">
        <v>532039590.57999998</v>
      </c>
      <c r="E35" s="712"/>
      <c r="F35" s="711">
        <v>532039590.57999998</v>
      </c>
      <c r="G35" s="724"/>
    </row>
    <row r="36" spans="1:7" ht="10.5" x14ac:dyDescent="0.2">
      <c r="A36" s="170" t="s">
        <v>571</v>
      </c>
      <c r="B36" s="697">
        <v>532039590.57999998</v>
      </c>
      <c r="C36" s="698"/>
      <c r="D36" s="697">
        <v>532039590.57999998</v>
      </c>
      <c r="E36" s="698"/>
      <c r="F36" s="697">
        <v>532039590.57999998</v>
      </c>
      <c r="G36" s="715"/>
    </row>
    <row r="37" spans="1:7" ht="10.5" x14ac:dyDescent="0.2">
      <c r="A37" s="170" t="s">
        <v>572</v>
      </c>
      <c r="B37" s="697">
        <v>0</v>
      </c>
      <c r="C37" s="698"/>
      <c r="D37" s="697">
        <v>0</v>
      </c>
      <c r="E37" s="698"/>
      <c r="F37" s="697">
        <v>0</v>
      </c>
      <c r="G37" s="715"/>
    </row>
    <row r="38" spans="1:7" s="66" customFormat="1" ht="10.5" x14ac:dyDescent="0.2">
      <c r="A38" s="66" t="s">
        <v>573</v>
      </c>
      <c r="B38" s="709">
        <v>534821017.93999994</v>
      </c>
      <c r="C38" s="710"/>
      <c r="D38" s="709">
        <v>448890566.41999996</v>
      </c>
      <c r="E38" s="710"/>
      <c r="F38" s="709">
        <v>226573248.18000001</v>
      </c>
      <c r="G38" s="727"/>
    </row>
    <row r="39" spans="1:7" ht="10.5" x14ac:dyDescent="0.2">
      <c r="A39" s="170" t="s">
        <v>574</v>
      </c>
      <c r="B39" s="697">
        <v>2855447.07</v>
      </c>
      <c r="C39" s="698"/>
      <c r="D39" s="697">
        <v>134272507.09</v>
      </c>
      <c r="E39" s="698"/>
      <c r="F39" s="697">
        <v>1655708.34</v>
      </c>
      <c r="G39" s="715"/>
    </row>
    <row r="40" spans="1:7" ht="10.5" x14ac:dyDescent="0.2">
      <c r="A40" s="170" t="s">
        <v>575</v>
      </c>
      <c r="B40" s="697">
        <v>532035161.77999997</v>
      </c>
      <c r="C40" s="698"/>
      <c r="D40" s="697">
        <v>347943352.19999999</v>
      </c>
      <c r="E40" s="698"/>
      <c r="F40" s="697">
        <v>248439823.94</v>
      </c>
      <c r="G40" s="715"/>
    </row>
    <row r="41" spans="1:7" ht="10.5" x14ac:dyDescent="0.2">
      <c r="A41" s="170" t="s">
        <v>557</v>
      </c>
      <c r="B41" s="697">
        <v>0</v>
      </c>
      <c r="C41" s="698"/>
      <c r="D41" s="697">
        <v>0</v>
      </c>
      <c r="E41" s="698"/>
      <c r="F41" s="697">
        <v>0</v>
      </c>
      <c r="G41" s="715"/>
    </row>
    <row r="42" spans="1:7" ht="10.5" x14ac:dyDescent="0.2">
      <c r="A42" s="170" t="s">
        <v>576</v>
      </c>
      <c r="B42" s="697">
        <v>69590.91</v>
      </c>
      <c r="C42" s="698"/>
      <c r="D42" s="697">
        <v>33325292.870000001</v>
      </c>
      <c r="E42" s="698"/>
      <c r="F42" s="697">
        <v>23522284.100000001</v>
      </c>
      <c r="G42" s="715"/>
    </row>
    <row r="43" spans="1:7" s="66" customFormat="1" ht="12.75" customHeight="1" x14ac:dyDescent="0.2">
      <c r="A43" s="66" t="s">
        <v>577</v>
      </c>
      <c r="B43" s="709">
        <v>-2781427.3599999547</v>
      </c>
      <c r="C43" s="710"/>
      <c r="D43" s="709">
        <v>83149024.160000026</v>
      </c>
      <c r="E43" s="710"/>
      <c r="F43" s="709">
        <v>305466342.39999998</v>
      </c>
      <c r="G43" s="727"/>
    </row>
    <row r="44" spans="1:7" s="66" customFormat="1" ht="13.5" customHeight="1" x14ac:dyDescent="0.2">
      <c r="A44" s="66" t="s">
        <v>578</v>
      </c>
      <c r="B44" s="703"/>
      <c r="C44" s="704"/>
      <c r="D44" s="703"/>
      <c r="E44" s="704"/>
      <c r="F44" s="703"/>
      <c r="G44" s="737"/>
    </row>
    <row r="45" spans="1:7" s="66" customFormat="1" ht="15" customHeight="1" x14ac:dyDescent="0.2">
      <c r="A45" s="114" t="s">
        <v>579</v>
      </c>
      <c r="B45" s="713">
        <v>-2781427.3599999547</v>
      </c>
      <c r="C45" s="714"/>
      <c r="D45" s="713">
        <v>83149024.160000026</v>
      </c>
      <c r="E45" s="714"/>
      <c r="F45" s="713">
        <v>305466342.39999998</v>
      </c>
      <c r="G45" s="735"/>
    </row>
    <row r="46" spans="1:7" ht="12.75" customHeight="1" x14ac:dyDescent="0.2">
      <c r="A46" s="45" t="s">
        <v>848</v>
      </c>
      <c r="B46" s="74"/>
      <c r="C46" s="74"/>
      <c r="D46" s="74"/>
      <c r="E46" s="74"/>
      <c r="F46" s="74"/>
      <c r="G46" s="295"/>
    </row>
    <row r="47" spans="1:7" ht="11.25" customHeight="1" x14ac:dyDescent="0.2">
      <c r="A47" s="178"/>
    </row>
    <row r="50" spans="1:7" ht="11.25" customHeight="1" x14ac:dyDescent="0.2">
      <c r="A50" s="264"/>
      <c r="B50" s="264"/>
      <c r="C50" s="264"/>
      <c r="D50" s="264"/>
      <c r="E50" s="264"/>
      <c r="F50" s="264"/>
      <c r="G50" s="264"/>
    </row>
    <row r="54" spans="1:7" s="45" customFormat="1" ht="11.25" customHeight="1" x14ac:dyDescent="0.2"/>
    <row r="55" spans="1:7" s="45" customFormat="1" ht="11.25" customHeight="1" x14ac:dyDescent="0.2"/>
    <row r="56" spans="1:7" s="45" customFormat="1" ht="11.25" customHeight="1" x14ac:dyDescent="0.2"/>
    <row r="57" spans="1:7" s="45" customFormat="1" ht="11.25" customHeight="1" x14ac:dyDescent="0.2"/>
    <row r="58" spans="1:7" s="45" customFormat="1" ht="11.25" customHeight="1" x14ac:dyDescent="0.2"/>
    <row r="59" spans="1:7" s="45" customFormat="1" ht="11.25" customHeight="1" x14ac:dyDescent="0.2"/>
    <row r="60" spans="1:7" s="45" customFormat="1" ht="11.25" customHeight="1" x14ac:dyDescent="0.2"/>
  </sheetData>
  <customSheetViews>
    <customSheetView guid="{6DBFA32C-4AA4-4E1D-9A48-697377C64CC3}" scale="90" showPageBreaks="1" showGridLines="0" printArea="1" topLeftCell="A4">
      <selection activeCell="E26" sqref="E26:G26"/>
      <pageMargins left="0.19685039370078741" right="0.19685039370078741" top="0.59055118110236227" bottom="0.19685039370078741" header="0" footer="0"/>
      <printOptions horizontalCentered="1"/>
      <pageSetup paperSize="9" scale="75" orientation="landscape" r:id="rId1"/>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58" orientation="portrait" r:id="rId2"/>
      <headerFooter alignWithMargins="0"/>
    </customSheetView>
    <customSheetView guid="{C779D862-DE28-46CD-A428-4AAA1056D1E1}" showPageBreaks="1" showGridLines="0" fitToPage="1" printArea="1">
      <selection activeCell="E126" sqref="E126"/>
      <pageMargins left="0.19685039370078741" right="0.19685039370078741" top="0.59055118110236227" bottom="0.19685039370078741" header="0" footer="0"/>
      <printOptions horizontalCentered="1"/>
      <pageSetup paperSize="9" scale="58" orientation="portrait" r:id="rId3"/>
      <headerFooter alignWithMargins="0"/>
    </customSheetView>
    <customSheetView guid="{25EF1E0D-169B-4051-B414-7E1196FC05E4}" showGridLines="0" fitToPage="1" topLeftCell="A28">
      <selection activeCell="E52" sqref="E52"/>
      <pageMargins left="0.19685039370078741" right="0.19685039370078741" top="0.59055118110236227" bottom="0.19685039370078741" header="0" footer="0"/>
      <printOptions horizontalCentered="1"/>
      <pageSetup paperSize="9" scale="58" orientation="portrait" r:id="rId4"/>
      <headerFooter alignWithMargins="0"/>
    </customSheetView>
    <customSheetView guid="{B4FED47C-EE37-4843-A570-282D4F8229D4}" showGridLines="0" fitToPage="1" topLeftCell="A7">
      <selection activeCell="B27" sqref="B27"/>
      <pageMargins left="0.19685039370078741" right="0.19685039370078741" top="0.59055118110236227" bottom="0.19685039370078741" header="0" footer="0"/>
      <printOptions horizontalCentered="1"/>
      <pageSetup paperSize="9" scale="58" orientation="portrait" r:id="rId5"/>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6"/>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7"/>
      <headerFooter alignWithMargins="0"/>
    </customSheetView>
    <customSheetView guid="{82EDB5A4-4824-4632-A540-7A52C92F04C7}" scale="90" showPageBreaks="1" showGridLines="0" fitToPage="1" printArea="1" topLeftCell="A22">
      <selection activeCell="E48" sqref="E48"/>
      <pageMargins left="0.19685039370078741" right="0.19685039370078741" top="0.59055118110236227" bottom="0.19685039370078741" header="0" footer="0"/>
      <printOptions horizontalCentered="1"/>
      <pageSetup paperSize="9" scale="78" orientation="landscape" r:id="rId8"/>
      <headerFooter alignWithMargins="0"/>
    </customSheetView>
  </customSheetViews>
  <mergeCells count="88">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41:G41"/>
    <mergeCell ref="B42:C42"/>
    <mergeCell ref="D42:E42"/>
    <mergeCell ref="F42:G42"/>
    <mergeCell ref="B39:C39"/>
    <mergeCell ref="D39:E39"/>
    <mergeCell ref="F39:G39"/>
    <mergeCell ref="B40:C40"/>
    <mergeCell ref="D40:E40"/>
    <mergeCell ref="F40:G40"/>
    <mergeCell ref="B37:C37"/>
    <mergeCell ref="D37:E37"/>
    <mergeCell ref="F37:G37"/>
    <mergeCell ref="B38:C38"/>
    <mergeCell ref="D38:E38"/>
    <mergeCell ref="F38:G38"/>
    <mergeCell ref="B35:C35"/>
    <mergeCell ref="D35:E35"/>
    <mergeCell ref="F35:G35"/>
    <mergeCell ref="B36:C36"/>
    <mergeCell ref="D36:E36"/>
    <mergeCell ref="F36:G36"/>
    <mergeCell ref="B33:C33"/>
    <mergeCell ref="D33:E33"/>
    <mergeCell ref="F33:G33"/>
    <mergeCell ref="B34:C34"/>
    <mergeCell ref="D34:E34"/>
    <mergeCell ref="F34:G34"/>
    <mergeCell ref="F15:G15"/>
    <mergeCell ref="B16:C16"/>
    <mergeCell ref="D16:E16"/>
    <mergeCell ref="F16:G16"/>
    <mergeCell ref="B21:C21"/>
    <mergeCell ref="D21:E21"/>
    <mergeCell ref="F21:G21"/>
    <mergeCell ref="A3:G3"/>
    <mergeCell ref="A4:G4"/>
    <mergeCell ref="A5:G5"/>
    <mergeCell ref="A6:G6"/>
    <mergeCell ref="A7:G7"/>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s>
  <printOptions horizontalCentered="1"/>
  <pageMargins left="0.19685039370078741" right="0.19685039370078741" top="0.59055118110236227" bottom="0.19685039370078741" header="0" footer="0"/>
  <pageSetup paperSize="9" scale="59" orientation="portrait" r:id="rId9"/>
  <headerFooter alignWithMargins="0"/>
  <drawing r:id="rId1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pageSetUpPr fitToPage="1"/>
  </sheetPr>
  <dimension ref="A1:H88"/>
  <sheetViews>
    <sheetView showGridLines="0" zoomScaleNormal="100" workbookViewId="0"/>
  </sheetViews>
  <sheetFormatPr defaultColWidth="9.140625" defaultRowHeight="11.25" customHeight="1" x14ac:dyDescent="0.2"/>
  <cols>
    <col min="1" max="1" width="59.28515625" style="19" customWidth="1"/>
    <col min="2" max="2" width="20.5703125" style="19" customWidth="1"/>
    <col min="3" max="3" width="20.28515625" style="216" customWidth="1"/>
    <col min="4" max="4" width="19.85546875" style="19" customWidth="1"/>
    <col min="5" max="5" width="20.140625" style="19" customWidth="1"/>
    <col min="6" max="6" width="19.5703125" style="19" bestFit="1" customWidth="1"/>
    <col min="7" max="8" width="16.7109375" style="19" customWidth="1"/>
    <col min="9" max="16384" width="9.140625" style="19"/>
  </cols>
  <sheetData>
    <row r="1" spans="1:8" s="46" customFormat="1" ht="11.25" customHeight="1" x14ac:dyDescent="0.2">
      <c r="A1" s="290"/>
      <c r="B1" s="290"/>
      <c r="C1" s="290"/>
      <c r="D1" s="290"/>
      <c r="E1" s="290"/>
      <c r="F1" s="290"/>
      <c r="G1" s="290"/>
      <c r="H1" s="290"/>
    </row>
    <row r="2" spans="1:8" s="46" customFormat="1" ht="11.25" customHeight="1" x14ac:dyDescent="0.2">
      <c r="A2" s="26"/>
      <c r="B2" s="26"/>
      <c r="C2" s="112"/>
      <c r="D2" s="26"/>
    </row>
    <row r="3" spans="1:8" s="206" customFormat="1" ht="11.25" customHeight="1" x14ac:dyDescent="0.2">
      <c r="A3" s="740" t="s">
        <v>638</v>
      </c>
      <c r="B3" s="740"/>
      <c r="C3" s="740"/>
      <c r="D3" s="740"/>
      <c r="E3" s="740"/>
      <c r="F3" s="740"/>
      <c r="G3" s="740"/>
      <c r="H3" s="740"/>
    </row>
    <row r="4" spans="1:8" s="206" customFormat="1" ht="11.25" customHeight="1" x14ac:dyDescent="0.2">
      <c r="A4" s="740" t="s">
        <v>105</v>
      </c>
      <c r="B4" s="740"/>
      <c r="C4" s="740"/>
      <c r="D4" s="740"/>
      <c r="E4" s="740"/>
      <c r="F4" s="740"/>
      <c r="G4" s="740"/>
      <c r="H4" s="740"/>
    </row>
    <row r="5" spans="1:8" s="206" customFormat="1" ht="11.25" customHeight="1" x14ac:dyDescent="0.2">
      <c r="A5" s="740" t="s">
        <v>580</v>
      </c>
      <c r="B5" s="740"/>
      <c r="C5" s="740"/>
      <c r="D5" s="740"/>
      <c r="E5" s="740"/>
      <c r="F5" s="740"/>
      <c r="G5" s="740"/>
      <c r="H5" s="740"/>
    </row>
    <row r="6" spans="1:8" s="206" customFormat="1" ht="11.25" customHeight="1" x14ac:dyDescent="0.2">
      <c r="A6" s="740" t="s">
        <v>107</v>
      </c>
      <c r="B6" s="740"/>
      <c r="C6" s="740"/>
      <c r="D6" s="740"/>
      <c r="E6" s="740"/>
      <c r="F6" s="740"/>
      <c r="G6" s="740"/>
      <c r="H6" s="740"/>
    </row>
    <row r="7" spans="1:8" s="206" customFormat="1" ht="11.25" customHeight="1" x14ac:dyDescent="0.2">
      <c r="A7" s="740" t="s">
        <v>902</v>
      </c>
      <c r="B7" s="740"/>
      <c r="C7" s="740"/>
      <c r="D7" s="740"/>
      <c r="E7" s="740"/>
      <c r="F7" s="740"/>
      <c r="G7" s="740"/>
      <c r="H7" s="740"/>
    </row>
    <row r="8" spans="1:8" s="46" customFormat="1" ht="11.25" customHeight="1" x14ac:dyDescent="0.2">
      <c r="A8" s="26"/>
      <c r="B8" s="299"/>
      <c r="C8" s="299"/>
      <c r="D8" s="26"/>
      <c r="E8" s="414"/>
    </row>
    <row r="9" spans="1:8" s="46" customFormat="1" ht="11.25" customHeight="1" x14ac:dyDescent="0.2">
      <c r="A9" s="139" t="s">
        <v>581</v>
      </c>
      <c r="B9" s="327"/>
      <c r="C9" s="326"/>
      <c r="D9" s="451"/>
      <c r="E9" s="451"/>
      <c r="H9" s="225">
        <v>1</v>
      </c>
    </row>
    <row r="10" spans="1:8" s="211" customFormat="1" ht="16.5" customHeight="1" x14ac:dyDescent="0.2">
      <c r="A10" s="730" t="s">
        <v>582</v>
      </c>
      <c r="B10" s="772" t="s">
        <v>235</v>
      </c>
      <c r="C10" s="774"/>
      <c r="D10" s="790" t="s">
        <v>109</v>
      </c>
      <c r="E10" s="791"/>
      <c r="F10" s="791"/>
      <c r="G10" s="791"/>
      <c r="H10" s="791"/>
    </row>
    <row r="11" spans="1:8" s="211" customFormat="1" ht="18" customHeight="1" x14ac:dyDescent="0.2">
      <c r="A11" s="731"/>
      <c r="B11" s="810"/>
      <c r="C11" s="777"/>
      <c r="D11" s="772" t="s">
        <v>115</v>
      </c>
      <c r="E11" s="773"/>
      <c r="F11" s="775" t="s">
        <v>115</v>
      </c>
      <c r="G11" s="775"/>
      <c r="H11" s="772"/>
    </row>
    <row r="12" spans="1:8" s="211" customFormat="1" ht="18" customHeight="1" x14ac:dyDescent="0.2">
      <c r="A12" s="732"/>
      <c r="B12" s="811"/>
      <c r="C12" s="778"/>
      <c r="D12" s="789">
        <v>2016</v>
      </c>
      <c r="E12" s="822"/>
      <c r="F12" s="776">
        <v>2015</v>
      </c>
      <c r="G12" s="776"/>
      <c r="H12" s="811"/>
    </row>
    <row r="13" spans="1:8" s="211" customFormat="1" ht="11.25" customHeight="1" x14ac:dyDescent="0.2">
      <c r="A13" s="62" t="s">
        <v>583</v>
      </c>
      <c r="B13" s="711">
        <v>13042631400.32</v>
      </c>
      <c r="C13" s="712"/>
      <c r="D13" s="711">
        <v>3539582180.4900002</v>
      </c>
      <c r="E13" s="712"/>
      <c r="F13" s="711">
        <v>3679934595.8599997</v>
      </c>
      <c r="G13" s="724"/>
      <c r="H13" s="724"/>
    </row>
    <row r="14" spans="1:8" ht="11.25" customHeight="1" x14ac:dyDescent="0.2">
      <c r="A14" s="56" t="s">
        <v>584</v>
      </c>
      <c r="B14" s="697">
        <v>7816598300</v>
      </c>
      <c r="C14" s="698"/>
      <c r="D14" s="697">
        <v>1979987164.6699998</v>
      </c>
      <c r="E14" s="698"/>
      <c r="F14" s="697">
        <v>2393154751.9099998</v>
      </c>
      <c r="G14" s="715"/>
      <c r="H14" s="715"/>
    </row>
    <row r="15" spans="1:8" ht="11.25" customHeight="1" x14ac:dyDescent="0.2">
      <c r="A15" s="112" t="s">
        <v>416</v>
      </c>
      <c r="B15" s="697">
        <v>6500114200</v>
      </c>
      <c r="C15" s="698"/>
      <c r="D15" s="697">
        <v>1486971381.4900002</v>
      </c>
      <c r="E15" s="698"/>
      <c r="F15" s="697">
        <v>1922577429.4399998</v>
      </c>
      <c r="G15" s="715"/>
      <c r="H15" s="715"/>
    </row>
    <row r="16" spans="1:8" ht="11.25" customHeight="1" x14ac:dyDescent="0.2">
      <c r="A16" s="112" t="s">
        <v>417</v>
      </c>
      <c r="B16" s="697">
        <v>283860800</v>
      </c>
      <c r="C16" s="698"/>
      <c r="D16" s="697">
        <v>164334484.25</v>
      </c>
      <c r="E16" s="698"/>
      <c r="F16" s="697">
        <v>225713444.90000001</v>
      </c>
      <c r="G16" s="715"/>
      <c r="H16" s="715"/>
    </row>
    <row r="17" spans="1:8" ht="11.25" customHeight="1" x14ac:dyDescent="0.2">
      <c r="A17" s="112" t="s">
        <v>418</v>
      </c>
      <c r="B17" s="697">
        <v>91749100</v>
      </c>
      <c r="C17" s="698"/>
      <c r="D17" s="862">
        <v>50694155.640000001</v>
      </c>
      <c r="E17" s="863"/>
      <c r="F17" s="697">
        <v>19857653.77</v>
      </c>
      <c r="G17" s="715"/>
      <c r="H17" s="715"/>
    </row>
    <row r="18" spans="1:8" ht="11.25" customHeight="1" x14ac:dyDescent="0.2">
      <c r="A18" s="112" t="s">
        <v>415</v>
      </c>
      <c r="B18" s="697">
        <v>588500000</v>
      </c>
      <c r="C18" s="698"/>
      <c r="D18" s="697">
        <v>196595064.34</v>
      </c>
      <c r="E18" s="698"/>
      <c r="F18" s="697">
        <v>154914106.64999998</v>
      </c>
      <c r="G18" s="715"/>
      <c r="H18" s="715"/>
    </row>
    <row r="19" spans="1:8" ht="11.25" customHeight="1" x14ac:dyDescent="0.2">
      <c r="A19" s="113" t="s">
        <v>419</v>
      </c>
      <c r="B19" s="697">
        <v>352374200</v>
      </c>
      <c r="C19" s="698"/>
      <c r="D19" s="697">
        <v>81392078.949999571</v>
      </c>
      <c r="E19" s="698"/>
      <c r="F19" s="697">
        <v>70092117.150000095</v>
      </c>
      <c r="G19" s="715"/>
      <c r="H19" s="715"/>
    </row>
    <row r="20" spans="1:8" ht="11.25" customHeight="1" x14ac:dyDescent="0.2">
      <c r="A20" s="56" t="s">
        <v>585</v>
      </c>
      <c r="B20" s="697">
        <v>1449054000</v>
      </c>
      <c r="C20" s="698"/>
      <c r="D20" s="697">
        <v>326110525.94999999</v>
      </c>
      <c r="E20" s="698"/>
      <c r="F20" s="697">
        <v>259181311.67000002</v>
      </c>
      <c r="G20" s="715"/>
      <c r="H20" s="715"/>
    </row>
    <row r="21" spans="1:8" ht="11.25" customHeight="1" x14ac:dyDescent="0.2">
      <c r="A21" s="56" t="s">
        <v>586</v>
      </c>
      <c r="B21" s="697">
        <v>1449054000</v>
      </c>
      <c r="C21" s="698"/>
      <c r="D21" s="697">
        <v>326110525.94999999</v>
      </c>
      <c r="E21" s="698"/>
      <c r="F21" s="697">
        <v>259181311.67000002</v>
      </c>
      <c r="G21" s="715"/>
      <c r="H21" s="715"/>
    </row>
    <row r="22" spans="1:8" ht="11.25" customHeight="1" x14ac:dyDescent="0.2">
      <c r="A22" s="56" t="s">
        <v>155</v>
      </c>
      <c r="B22" s="697">
        <v>0</v>
      </c>
      <c r="C22" s="698"/>
      <c r="D22" s="697">
        <v>0</v>
      </c>
      <c r="E22" s="698"/>
      <c r="F22" s="697">
        <v>0</v>
      </c>
      <c r="G22" s="715"/>
      <c r="H22" s="715"/>
    </row>
    <row r="23" spans="1:8" ht="11.25" customHeight="1" x14ac:dyDescent="0.2">
      <c r="A23" s="56" t="s">
        <v>587</v>
      </c>
      <c r="B23" s="697">
        <v>61889475.359999985</v>
      </c>
      <c r="C23" s="698"/>
      <c r="D23" s="697">
        <v>22103548.329999998</v>
      </c>
      <c r="E23" s="698"/>
      <c r="F23" s="697">
        <v>2989655.8899999969</v>
      </c>
      <c r="G23" s="715"/>
      <c r="H23" s="715"/>
    </row>
    <row r="24" spans="1:8" ht="11.25" customHeight="1" x14ac:dyDescent="0.2">
      <c r="A24" s="56" t="s">
        <v>311</v>
      </c>
      <c r="B24" s="697">
        <v>146878975.35999998</v>
      </c>
      <c r="C24" s="698"/>
      <c r="D24" s="697">
        <v>102343061.03999999</v>
      </c>
      <c r="E24" s="698"/>
      <c r="F24" s="697">
        <v>29902391.669999998</v>
      </c>
      <c r="G24" s="715"/>
      <c r="H24" s="715"/>
    </row>
    <row r="25" spans="1:8" ht="11.25" customHeight="1" x14ac:dyDescent="0.2">
      <c r="A25" s="56" t="s">
        <v>588</v>
      </c>
      <c r="B25" s="697">
        <v>84989500</v>
      </c>
      <c r="C25" s="698"/>
      <c r="D25" s="697">
        <v>80239512.709999993</v>
      </c>
      <c r="E25" s="698"/>
      <c r="F25" s="697">
        <v>26912735.780000001</v>
      </c>
      <c r="G25" s="715"/>
      <c r="H25" s="715"/>
    </row>
    <row r="26" spans="1:8" ht="11.25" customHeight="1" x14ac:dyDescent="0.2">
      <c r="A26" s="56" t="s">
        <v>182</v>
      </c>
      <c r="B26" s="697">
        <v>2843659400</v>
      </c>
      <c r="C26" s="698"/>
      <c r="D26" s="697">
        <v>888867776.8900001</v>
      </c>
      <c r="E26" s="698"/>
      <c r="F26" s="697">
        <v>793760228.48000014</v>
      </c>
      <c r="G26" s="715"/>
      <c r="H26" s="715"/>
    </row>
    <row r="27" spans="1:8" ht="11.25" customHeight="1" x14ac:dyDescent="0.2">
      <c r="A27" s="63" t="s">
        <v>797</v>
      </c>
      <c r="B27" s="697">
        <v>931280000</v>
      </c>
      <c r="C27" s="698"/>
      <c r="D27" s="697">
        <v>283265157.22999996</v>
      </c>
      <c r="E27" s="698"/>
      <c r="F27" s="697">
        <v>295339006.15999997</v>
      </c>
      <c r="G27" s="715"/>
      <c r="H27" s="715"/>
    </row>
    <row r="28" spans="1:8" ht="11.25" customHeight="1" x14ac:dyDescent="0.2">
      <c r="A28" s="56" t="s">
        <v>589</v>
      </c>
      <c r="B28" s="697">
        <v>163651700</v>
      </c>
      <c r="C28" s="698"/>
      <c r="D28" s="697">
        <v>7206087.7800000003</v>
      </c>
      <c r="E28" s="698"/>
      <c r="F28" s="697">
        <v>5249340.72</v>
      </c>
      <c r="G28" s="715"/>
      <c r="H28" s="715"/>
    </row>
    <row r="29" spans="1:8" ht="11.25" customHeight="1" x14ac:dyDescent="0.2">
      <c r="A29" s="56" t="s">
        <v>590</v>
      </c>
      <c r="B29" s="697">
        <v>1748727700</v>
      </c>
      <c r="C29" s="698"/>
      <c r="D29" s="697">
        <v>598396531.88000011</v>
      </c>
      <c r="E29" s="698"/>
      <c r="F29" s="697">
        <v>493171881.60000014</v>
      </c>
      <c r="G29" s="715"/>
      <c r="H29" s="715"/>
    </row>
    <row r="30" spans="1:8" ht="11.25" customHeight="1" x14ac:dyDescent="0.2">
      <c r="A30" s="56" t="s">
        <v>591</v>
      </c>
      <c r="B30" s="697">
        <v>871430224.96000004</v>
      </c>
      <c r="C30" s="698"/>
      <c r="D30" s="697">
        <v>322513164.64999998</v>
      </c>
      <c r="E30" s="698"/>
      <c r="F30" s="697">
        <v>230848647.91</v>
      </c>
      <c r="G30" s="715"/>
      <c r="H30" s="715"/>
    </row>
    <row r="31" spans="1:8" ht="11.25" customHeight="1" x14ac:dyDescent="0.2">
      <c r="A31" s="56" t="s">
        <v>592</v>
      </c>
      <c r="B31" s="697">
        <v>18075800</v>
      </c>
      <c r="C31" s="698"/>
      <c r="D31" s="697">
        <v>3234069.11</v>
      </c>
      <c r="E31" s="698"/>
      <c r="F31" s="697">
        <v>4091101.76</v>
      </c>
      <c r="G31" s="715"/>
      <c r="H31" s="715"/>
    </row>
    <row r="32" spans="1:8" ht="11.25" customHeight="1" x14ac:dyDescent="0.2">
      <c r="A32" s="56" t="s">
        <v>593</v>
      </c>
      <c r="B32" s="697">
        <v>853354424.96000004</v>
      </c>
      <c r="C32" s="698"/>
      <c r="D32" s="697">
        <v>319279095.53999996</v>
      </c>
      <c r="E32" s="698"/>
      <c r="F32" s="697">
        <v>226757546.15000001</v>
      </c>
      <c r="G32" s="715"/>
      <c r="H32" s="715"/>
    </row>
    <row r="33" spans="1:8" s="211" customFormat="1" ht="11.25" customHeight="1" x14ac:dyDescent="0.2">
      <c r="A33" s="62" t="s">
        <v>594</v>
      </c>
      <c r="B33" s="709">
        <v>908670831.20000005</v>
      </c>
      <c r="C33" s="710"/>
      <c r="D33" s="709">
        <v>192273114.87</v>
      </c>
      <c r="E33" s="710"/>
      <c r="F33" s="709">
        <v>174991198.54999998</v>
      </c>
      <c r="G33" s="727"/>
      <c r="H33" s="727"/>
    </row>
    <row r="34" spans="1:8" ht="11.25" customHeight="1" x14ac:dyDescent="0.2">
      <c r="A34" s="56" t="s">
        <v>595</v>
      </c>
      <c r="B34" s="697">
        <v>16304000</v>
      </c>
      <c r="C34" s="698"/>
      <c r="D34" s="697">
        <v>0</v>
      </c>
      <c r="E34" s="698"/>
      <c r="F34" s="697">
        <v>0</v>
      </c>
      <c r="G34" s="715"/>
      <c r="H34" s="715"/>
    </row>
    <row r="35" spans="1:8" ht="11.25" customHeight="1" x14ac:dyDescent="0.2">
      <c r="A35" s="56" t="s">
        <v>596</v>
      </c>
      <c r="B35" s="697">
        <v>2430000</v>
      </c>
      <c r="C35" s="698"/>
      <c r="D35" s="697">
        <v>1387150.62</v>
      </c>
      <c r="E35" s="698"/>
      <c r="F35" s="697">
        <v>582783.06999999995</v>
      </c>
      <c r="G35" s="715"/>
      <c r="H35" s="715"/>
    </row>
    <row r="36" spans="1:8" s="211" customFormat="1" ht="11.25" customHeight="1" x14ac:dyDescent="0.2">
      <c r="A36" s="56" t="s">
        <v>854</v>
      </c>
      <c r="B36" s="697">
        <v>8513000</v>
      </c>
      <c r="C36" s="698"/>
      <c r="D36" s="697">
        <v>266672.44</v>
      </c>
      <c r="E36" s="698"/>
      <c r="F36" s="697">
        <v>288083.33999999997</v>
      </c>
      <c r="G36" s="715"/>
      <c r="H36" s="715"/>
    </row>
    <row r="37" spans="1:8" ht="11.25" customHeight="1" x14ac:dyDescent="0.2">
      <c r="A37" s="56" t="s">
        <v>597</v>
      </c>
      <c r="B37" s="697">
        <v>881412900</v>
      </c>
      <c r="C37" s="698"/>
      <c r="D37" s="697">
        <v>190608360.61000001</v>
      </c>
      <c r="E37" s="698"/>
      <c r="F37" s="697">
        <v>174120332.13999999</v>
      </c>
      <c r="G37" s="715"/>
      <c r="H37" s="715"/>
    </row>
    <row r="38" spans="1:8" ht="11.25" customHeight="1" x14ac:dyDescent="0.2">
      <c r="A38" s="56" t="s">
        <v>589</v>
      </c>
      <c r="B38" s="697">
        <v>313151800</v>
      </c>
      <c r="C38" s="698"/>
      <c r="D38" s="697">
        <v>21728557.530000001</v>
      </c>
      <c r="E38" s="698"/>
      <c r="F38" s="697">
        <v>22792758.789999999</v>
      </c>
      <c r="G38" s="715"/>
      <c r="H38" s="715"/>
    </row>
    <row r="39" spans="1:8" ht="11.25" customHeight="1" x14ac:dyDescent="0.2">
      <c r="A39" s="56" t="s">
        <v>598</v>
      </c>
      <c r="B39" s="697">
        <v>568261100</v>
      </c>
      <c r="C39" s="698"/>
      <c r="D39" s="697">
        <v>168879803.08000001</v>
      </c>
      <c r="E39" s="698"/>
      <c r="F39" s="697">
        <v>151327573.34999999</v>
      </c>
      <c r="G39" s="715"/>
      <c r="H39" s="715"/>
    </row>
    <row r="40" spans="1:8" ht="11.25" customHeight="1" x14ac:dyDescent="0.2">
      <c r="A40" s="56" t="s">
        <v>203</v>
      </c>
      <c r="B40" s="697">
        <v>10931.2</v>
      </c>
      <c r="C40" s="698"/>
      <c r="D40" s="697">
        <v>10931.2</v>
      </c>
      <c r="E40" s="698"/>
      <c r="F40" s="697">
        <v>0</v>
      </c>
      <c r="G40" s="715"/>
      <c r="H40" s="715"/>
    </row>
    <row r="41" spans="1:8" s="211" customFormat="1" ht="11.25" customHeight="1" x14ac:dyDescent="0.2">
      <c r="A41" s="62" t="s">
        <v>599</v>
      </c>
      <c r="B41" s="703">
        <v>881423831.20000005</v>
      </c>
      <c r="C41" s="704"/>
      <c r="D41" s="703">
        <v>190619291.81</v>
      </c>
      <c r="E41" s="704"/>
      <c r="F41" s="703">
        <v>174120332.13999999</v>
      </c>
      <c r="G41" s="737"/>
      <c r="H41" s="737"/>
    </row>
    <row r="42" spans="1:8" s="211" customFormat="1" ht="15" customHeight="1" x14ac:dyDescent="0.2">
      <c r="A42" s="223" t="s">
        <v>600</v>
      </c>
      <c r="B42" s="713">
        <v>13924055231.52</v>
      </c>
      <c r="C42" s="714"/>
      <c r="D42" s="713">
        <v>3730201472.3000002</v>
      </c>
      <c r="E42" s="714"/>
      <c r="F42" s="713">
        <v>3854054927.9999995</v>
      </c>
      <c r="G42" s="735"/>
      <c r="H42" s="735"/>
    </row>
    <row r="43" spans="1:8" ht="5.0999999999999996" customHeight="1" x14ac:dyDescent="0.2">
      <c r="A43" s="64"/>
      <c r="B43" s="438"/>
      <c r="C43" s="217"/>
      <c r="D43" s="217"/>
    </row>
    <row r="44" spans="1:8" s="211" customFormat="1" ht="30.75" customHeight="1" x14ac:dyDescent="0.2">
      <c r="A44" s="730" t="s">
        <v>601</v>
      </c>
      <c r="B44" s="207" t="s">
        <v>157</v>
      </c>
      <c r="C44" s="790" t="s">
        <v>158</v>
      </c>
      <c r="D44" s="819"/>
      <c r="E44" s="790" t="s">
        <v>159</v>
      </c>
      <c r="F44" s="819"/>
      <c r="G44" s="788" t="s">
        <v>347</v>
      </c>
      <c r="H44" s="791"/>
    </row>
    <row r="45" spans="1:8" s="211" customFormat="1" ht="11.25" customHeight="1" x14ac:dyDescent="0.2">
      <c r="A45" s="731"/>
      <c r="B45" s="739" t="s">
        <v>112</v>
      </c>
      <c r="C45" s="208" t="s">
        <v>115</v>
      </c>
      <c r="D45" s="208" t="s">
        <v>115</v>
      </c>
      <c r="E45" s="208" t="s">
        <v>115</v>
      </c>
      <c r="F45" s="208" t="s">
        <v>115</v>
      </c>
      <c r="G45" s="788" t="s">
        <v>883</v>
      </c>
      <c r="H45" s="788" t="s">
        <v>884</v>
      </c>
    </row>
    <row r="46" spans="1:8" s="211" customFormat="1" ht="17.25" customHeight="1" x14ac:dyDescent="0.2">
      <c r="A46" s="732"/>
      <c r="B46" s="861"/>
      <c r="C46" s="213">
        <v>2016</v>
      </c>
      <c r="D46" s="215">
        <v>2015</v>
      </c>
      <c r="E46" s="626">
        <v>2016</v>
      </c>
      <c r="F46" s="627">
        <v>2015</v>
      </c>
      <c r="G46" s="789"/>
      <c r="H46" s="789"/>
    </row>
    <row r="47" spans="1:8" s="211" customFormat="1" ht="11.25" customHeight="1" x14ac:dyDescent="0.2">
      <c r="A47" s="62" t="s">
        <v>602</v>
      </c>
      <c r="B47" s="317">
        <v>11745659864.34</v>
      </c>
      <c r="C47" s="317">
        <v>7675014253.9199991</v>
      </c>
      <c r="D47" s="317">
        <v>4577615440.2700005</v>
      </c>
      <c r="E47" s="317">
        <v>4159340919.0999999</v>
      </c>
      <c r="F47" s="481">
        <v>3644461045.8899999</v>
      </c>
      <c r="G47" s="531"/>
      <c r="H47" s="532"/>
    </row>
    <row r="48" spans="1:8" ht="11.25" customHeight="1" x14ac:dyDescent="0.2">
      <c r="A48" s="56" t="s">
        <v>206</v>
      </c>
      <c r="B48" s="533">
        <v>6511834245</v>
      </c>
      <c r="C48" s="533">
        <v>5285008620.8599997</v>
      </c>
      <c r="D48" s="678">
        <v>2748774488.8800001</v>
      </c>
      <c r="E48" s="533">
        <v>2508830222.5699997</v>
      </c>
      <c r="F48" s="535">
        <v>2174553111.1500001</v>
      </c>
      <c r="G48" s="536"/>
      <c r="H48" s="491"/>
    </row>
    <row r="49" spans="1:8" ht="11.25" customHeight="1" x14ac:dyDescent="0.2">
      <c r="A49" s="56" t="s">
        <v>603</v>
      </c>
      <c r="B49" s="533">
        <v>269572300</v>
      </c>
      <c r="C49" s="533">
        <v>267980703.49000001</v>
      </c>
      <c r="D49" s="534">
        <v>89546800</v>
      </c>
      <c r="E49" s="533">
        <v>78006750.420000002</v>
      </c>
      <c r="F49" s="535">
        <v>87952830.579999998</v>
      </c>
      <c r="G49" s="533"/>
      <c r="H49" s="491"/>
    </row>
    <row r="50" spans="1:8" ht="11.25" customHeight="1" x14ac:dyDescent="0.2">
      <c r="A50" s="56" t="s">
        <v>207</v>
      </c>
      <c r="B50" s="533">
        <v>4964253319.3400002</v>
      </c>
      <c r="C50" s="533">
        <v>2122024929.5699997</v>
      </c>
      <c r="D50" s="534">
        <v>1739294151.3899999</v>
      </c>
      <c r="E50" s="533">
        <v>1572503946.1100001</v>
      </c>
      <c r="F50" s="535">
        <v>1381955104.1599998</v>
      </c>
      <c r="G50" s="533"/>
      <c r="H50" s="491"/>
    </row>
    <row r="51" spans="1:8" ht="11.25" customHeight="1" x14ac:dyDescent="0.2">
      <c r="A51" s="115" t="s">
        <v>861</v>
      </c>
      <c r="B51" s="533">
        <v>1534245022</v>
      </c>
      <c r="C51" s="533">
        <v>141591166.88999999</v>
      </c>
      <c r="D51" s="534">
        <v>743068068.10000002</v>
      </c>
      <c r="E51" s="533">
        <v>732356943.13</v>
      </c>
      <c r="F51" s="535">
        <v>732356943.13</v>
      </c>
      <c r="G51" s="533"/>
      <c r="H51" s="491"/>
    </row>
    <row r="52" spans="1:8" ht="11.25" customHeight="1" x14ac:dyDescent="0.2">
      <c r="A52" s="115" t="s">
        <v>862</v>
      </c>
      <c r="B52" s="533">
        <v>3430008297.3400002</v>
      </c>
      <c r="C52" s="533">
        <v>1980433762.6799998</v>
      </c>
      <c r="D52" s="534">
        <v>996226083.28999996</v>
      </c>
      <c r="E52" s="533">
        <v>840147002.98000002</v>
      </c>
      <c r="F52" s="535">
        <v>649598161.02999997</v>
      </c>
      <c r="G52" s="533"/>
      <c r="H52" s="491"/>
    </row>
    <row r="53" spans="1:8" s="211" customFormat="1" ht="11.25" customHeight="1" x14ac:dyDescent="0.2">
      <c r="A53" s="62" t="s">
        <v>604</v>
      </c>
      <c r="B53" s="317">
        <v>11476087564.34</v>
      </c>
      <c r="C53" s="317">
        <v>7407033550.4299994</v>
      </c>
      <c r="D53" s="317">
        <v>4488068640.2700005</v>
      </c>
      <c r="E53" s="317">
        <v>4081334168.6799998</v>
      </c>
      <c r="F53" s="537">
        <v>3556508215.3099999</v>
      </c>
      <c r="G53" s="538"/>
      <c r="H53" s="539"/>
    </row>
    <row r="54" spans="1:8" s="211" customFormat="1" ht="11.25" customHeight="1" x14ac:dyDescent="0.2">
      <c r="A54" s="44" t="s">
        <v>605</v>
      </c>
      <c r="B54" s="317">
        <v>2429344602.6599998</v>
      </c>
      <c r="C54" s="317">
        <v>1333436800.4200001</v>
      </c>
      <c r="D54" s="317">
        <v>441021124.82999998</v>
      </c>
      <c r="E54" s="317">
        <v>385419619.10000002</v>
      </c>
      <c r="F54" s="481">
        <v>257497137.10000002</v>
      </c>
      <c r="G54" s="317"/>
      <c r="H54" s="539"/>
    </row>
    <row r="55" spans="1:8" ht="11.25" customHeight="1" x14ac:dyDescent="0.2">
      <c r="A55" s="56" t="s">
        <v>575</v>
      </c>
      <c r="B55" s="533">
        <v>1723977002.6600001</v>
      </c>
      <c r="C55" s="533">
        <v>659652593.17999995</v>
      </c>
      <c r="D55" s="535">
        <v>300630820.06999999</v>
      </c>
      <c r="E55" s="533">
        <v>165420893.37</v>
      </c>
      <c r="F55" s="535">
        <v>121266063.26000001</v>
      </c>
      <c r="G55" s="533"/>
      <c r="H55" s="491"/>
    </row>
    <row r="56" spans="1:8" ht="11.25" customHeight="1" x14ac:dyDescent="0.2">
      <c r="A56" s="56" t="s">
        <v>241</v>
      </c>
      <c r="B56" s="533">
        <v>7131800</v>
      </c>
      <c r="C56" s="533">
        <v>164699.4</v>
      </c>
      <c r="D56" s="533">
        <v>356304.76</v>
      </c>
      <c r="E56" s="533">
        <v>0</v>
      </c>
      <c r="F56" s="535">
        <v>258246.76</v>
      </c>
      <c r="G56" s="533"/>
      <c r="H56" s="491"/>
    </row>
    <row r="57" spans="1:8" ht="11.25" customHeight="1" x14ac:dyDescent="0.2">
      <c r="A57" s="56" t="s">
        <v>606</v>
      </c>
      <c r="B57" s="533">
        <v>790700</v>
      </c>
      <c r="C57" s="533">
        <v>164699.4</v>
      </c>
      <c r="D57" s="535">
        <v>356174</v>
      </c>
      <c r="E57" s="533">
        <v>0</v>
      </c>
      <c r="F57" s="535">
        <v>258116</v>
      </c>
      <c r="G57" s="533"/>
      <c r="H57" s="491"/>
    </row>
    <row r="58" spans="1:8" ht="11.25" customHeight="1" x14ac:dyDescent="0.2">
      <c r="A58" s="56" t="s">
        <v>607</v>
      </c>
      <c r="B58" s="533">
        <v>0</v>
      </c>
      <c r="C58" s="533">
        <v>0</v>
      </c>
      <c r="D58" s="535">
        <v>0</v>
      </c>
      <c r="E58" s="533">
        <v>0</v>
      </c>
      <c r="F58" s="535">
        <v>0</v>
      </c>
      <c r="G58" s="533"/>
      <c r="H58" s="491"/>
    </row>
    <row r="59" spans="1:8" ht="11.25" customHeight="1" x14ac:dyDescent="0.2">
      <c r="A59" s="56" t="s">
        <v>608</v>
      </c>
      <c r="B59" s="533">
        <v>6341100</v>
      </c>
      <c r="C59" s="533">
        <v>0</v>
      </c>
      <c r="D59" s="535">
        <v>130.76</v>
      </c>
      <c r="E59" s="533">
        <v>0</v>
      </c>
      <c r="F59" s="535">
        <v>130.76</v>
      </c>
      <c r="G59" s="533"/>
      <c r="H59" s="491"/>
    </row>
    <row r="60" spans="1:8" ht="11.25" customHeight="1" x14ac:dyDescent="0.2">
      <c r="A60" s="56" t="s">
        <v>609</v>
      </c>
      <c r="B60" s="533">
        <v>698235800</v>
      </c>
      <c r="C60" s="533">
        <v>673619507.84000003</v>
      </c>
      <c r="D60" s="535">
        <v>140034000</v>
      </c>
      <c r="E60" s="533">
        <v>219998725.72999999</v>
      </c>
      <c r="F60" s="535">
        <v>135972827.08000001</v>
      </c>
      <c r="G60" s="533"/>
      <c r="H60" s="491"/>
    </row>
    <row r="61" spans="1:8" s="211" customFormat="1" ht="11.25" customHeight="1" x14ac:dyDescent="0.2">
      <c r="A61" s="44" t="s">
        <v>610</v>
      </c>
      <c r="B61" s="317">
        <v>1730318102.6599998</v>
      </c>
      <c r="C61" s="317">
        <v>659652593.17999995</v>
      </c>
      <c r="D61" s="317">
        <v>300630950.82999998</v>
      </c>
      <c r="E61" s="317">
        <v>165420893.37000003</v>
      </c>
      <c r="F61" s="481">
        <v>121266194.02000001</v>
      </c>
      <c r="G61" s="317"/>
      <c r="H61" s="539"/>
    </row>
    <row r="62" spans="1:8" s="211" customFormat="1" ht="11.25" customHeight="1" x14ac:dyDescent="0.2">
      <c r="A62" s="44" t="s">
        <v>611</v>
      </c>
      <c r="B62" s="317">
        <v>128753000</v>
      </c>
      <c r="C62" s="317">
        <v>0</v>
      </c>
      <c r="D62" s="481">
        <v>0</v>
      </c>
      <c r="E62" s="317">
        <v>0</v>
      </c>
      <c r="F62" s="481">
        <v>0</v>
      </c>
      <c r="G62" s="317"/>
      <c r="H62" s="539"/>
    </row>
    <row r="63" spans="1:8" s="211" customFormat="1" ht="11.25" customHeight="1" x14ac:dyDescent="0.2">
      <c r="A63" s="44" t="s">
        <v>612</v>
      </c>
      <c r="B63" s="317">
        <v>0</v>
      </c>
      <c r="C63" s="317">
        <v>0</v>
      </c>
      <c r="D63" s="481">
        <v>0</v>
      </c>
      <c r="E63" s="317">
        <v>0</v>
      </c>
      <c r="F63" s="481">
        <v>0</v>
      </c>
      <c r="G63" s="317"/>
      <c r="H63" s="540"/>
    </row>
    <row r="64" spans="1:8" s="211" customFormat="1" ht="15" customHeight="1" x14ac:dyDescent="0.2">
      <c r="A64" s="117" t="s">
        <v>613</v>
      </c>
      <c r="B64" s="361">
        <v>13335158667</v>
      </c>
      <c r="C64" s="361">
        <v>8066686143.6099997</v>
      </c>
      <c r="D64" s="361">
        <v>4788699591.1000004</v>
      </c>
      <c r="E64" s="361">
        <v>4246755062.0499997</v>
      </c>
      <c r="F64" s="478">
        <v>3677774409.3299999</v>
      </c>
      <c r="G64" s="361">
        <v>0</v>
      </c>
      <c r="H64" s="363">
        <v>0</v>
      </c>
    </row>
    <row r="65" spans="1:8" ht="5.0999999999999996" customHeight="1" x14ac:dyDescent="0.2">
      <c r="A65" s="116"/>
      <c r="B65" s="541"/>
      <c r="C65" s="541"/>
      <c r="D65" s="541"/>
      <c r="E65" s="542"/>
      <c r="F65" s="491"/>
      <c r="G65" s="543"/>
      <c r="H65" s="491"/>
    </row>
    <row r="66" spans="1:8" s="211" customFormat="1" ht="15" customHeight="1" x14ac:dyDescent="0.2">
      <c r="A66" s="117" t="s">
        <v>614</v>
      </c>
      <c r="B66" s="480">
        <v>588896564.52000046</v>
      </c>
      <c r="C66" s="480">
        <v>-4336484671.3099995</v>
      </c>
      <c r="D66" s="361">
        <v>-934644663.10000086</v>
      </c>
      <c r="E66" s="480">
        <v>-516553589.74999952</v>
      </c>
      <c r="F66" s="480">
        <v>176280518.6699996</v>
      </c>
      <c r="G66" s="480">
        <v>0</v>
      </c>
      <c r="H66" s="229"/>
    </row>
    <row r="67" spans="1:8" ht="5.0999999999999996" customHeight="1" x14ac:dyDescent="0.2">
      <c r="A67" s="116"/>
      <c r="B67" s="541"/>
      <c r="C67" s="541"/>
      <c r="D67" s="541"/>
      <c r="E67" s="542"/>
      <c r="F67" s="491"/>
      <c r="G67" s="542"/>
      <c r="H67" s="491"/>
    </row>
    <row r="68" spans="1:8" s="211" customFormat="1" ht="15" customHeight="1" x14ac:dyDescent="0.2">
      <c r="A68" s="117" t="s">
        <v>615</v>
      </c>
      <c r="B68" s="489"/>
      <c r="C68" s="489"/>
      <c r="D68" s="489"/>
      <c r="E68" s="229"/>
      <c r="F68" s="229"/>
      <c r="G68" s="229"/>
      <c r="H68" s="229"/>
    </row>
    <row r="69" spans="1:8" ht="5.0999999999999996" customHeight="1" x14ac:dyDescent="0.2">
      <c r="A69" s="56"/>
      <c r="B69" s="217"/>
      <c r="C69" s="217"/>
      <c r="D69" s="217"/>
    </row>
    <row r="70" spans="1:8" s="226" customFormat="1" ht="11.25" customHeight="1" x14ac:dyDescent="0.2">
      <c r="A70" s="855" t="s">
        <v>566</v>
      </c>
      <c r="B70" s="855"/>
      <c r="C70" s="855"/>
      <c r="D70" s="856"/>
      <c r="E70" s="772" t="s">
        <v>567</v>
      </c>
      <c r="F70" s="773"/>
      <c r="G70" s="773"/>
      <c r="H70" s="773"/>
    </row>
    <row r="71" spans="1:8" s="226" customFormat="1" ht="11.25" customHeight="1" x14ac:dyDescent="0.2">
      <c r="A71" s="857"/>
      <c r="B71" s="857"/>
      <c r="C71" s="857"/>
      <c r="D71" s="858"/>
      <c r="E71" s="811"/>
      <c r="F71" s="841"/>
      <c r="G71" s="841"/>
      <c r="H71" s="841"/>
    </row>
    <row r="72" spans="1:8" ht="15" customHeight="1" x14ac:dyDescent="0.2">
      <c r="A72" s="859" t="s">
        <v>616</v>
      </c>
      <c r="B72" s="859"/>
      <c r="C72" s="859"/>
      <c r="D72" s="860"/>
      <c r="E72" s="853">
        <v>849118000</v>
      </c>
      <c r="F72" s="854"/>
      <c r="G72" s="854"/>
      <c r="H72" s="854"/>
    </row>
    <row r="73" spans="1:8" ht="11.25" customHeight="1" x14ac:dyDescent="0.2">
      <c r="A73" s="45" t="s">
        <v>848</v>
      </c>
      <c r="B73" s="154"/>
      <c r="C73" s="154"/>
      <c r="D73" s="154"/>
      <c r="E73" s="154"/>
      <c r="F73" s="154"/>
      <c r="G73" s="154"/>
      <c r="H73" s="292"/>
    </row>
    <row r="74" spans="1:8" s="216" customFormat="1" ht="11.25" customHeight="1" x14ac:dyDescent="0.2">
      <c r="B74" s="453"/>
      <c r="C74" s="453"/>
      <c r="D74" s="453"/>
      <c r="E74" s="453"/>
      <c r="F74" s="453"/>
    </row>
    <row r="75" spans="1:8" s="390" customFormat="1" ht="11.25" customHeight="1" x14ac:dyDescent="0.2">
      <c r="C75" s="452"/>
      <c r="D75" s="452"/>
      <c r="E75" s="452"/>
      <c r="F75" s="452"/>
    </row>
    <row r="82" s="45" customFormat="1" ht="11.25" customHeight="1" x14ac:dyDescent="0.2"/>
    <row r="83" s="45" customFormat="1" ht="11.25" customHeight="1" x14ac:dyDescent="0.2"/>
    <row r="84" s="45" customFormat="1" ht="11.25" customHeight="1" x14ac:dyDescent="0.2"/>
    <row r="85" s="45" customFormat="1" ht="11.25" customHeight="1" x14ac:dyDescent="0.2"/>
    <row r="86" s="45" customFormat="1" ht="11.25" customHeight="1" x14ac:dyDescent="0.2"/>
    <row r="87" s="45" customFormat="1" ht="11.25" customHeight="1" x14ac:dyDescent="0.2"/>
    <row r="88" s="45" customFormat="1" ht="11.25" customHeight="1" x14ac:dyDescent="0.2"/>
  </sheetData>
  <customSheetViews>
    <customSheetView guid="{6DBFA32C-4AA4-4E1D-9A48-697377C64CC3}" showPageBreaks="1" showGridLines="0" fitToPage="1" printArea="1" topLeftCell="A13">
      <selection activeCell="F75" sqref="F75"/>
      <pageMargins left="0.19685039370078741" right="0.19685039370078741" top="0.59055118110236227" bottom="0.19685039370078741" header="0" footer="0"/>
      <printOptions horizontalCentered="1"/>
      <pageSetup paperSize="9" scale="53" orientation="portrait" r:id="rId1"/>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52" orientation="portrait" r:id="rId2"/>
      <headerFooter alignWithMargins="0"/>
    </customSheetView>
    <customSheetView guid="{C779D862-DE28-46CD-A428-4AAA1056D1E1}" showPageBreaks="1" showGridLines="0" fitToPage="1" printArea="1" topLeftCell="A46">
      <selection activeCell="A8" sqref="A8"/>
      <pageMargins left="0.19685039370078741" right="0.19685039370078741" top="0.59055118110236227" bottom="0.19685039370078741" header="0" footer="0"/>
      <printOptions horizontalCentered="1"/>
      <pageSetup paperSize="9" scale="52" orientation="portrait" r:id="rId3"/>
      <headerFooter alignWithMargins="0"/>
    </customSheetView>
    <customSheetView guid="{25EF1E0D-169B-4051-B414-7E1196FC05E4}" showGridLines="0" fitToPage="1" topLeftCell="A10">
      <pane xSplit="1" ySplit="3" topLeftCell="B13" activePane="bottomRight" state="frozen"/>
      <selection pane="bottomRight" activeCell="D15" sqref="D15:E15"/>
      <pageMargins left="0.19685039370078741" right="0.19685039370078741" top="0.59055118110236227" bottom="0.19685039370078741" header="0" footer="0"/>
      <printOptions horizontalCentered="1"/>
      <pageSetup paperSize="9" scale="52" orientation="portrait" r:id="rId4"/>
      <headerFooter alignWithMargins="0"/>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52" orientation="portrait" r:id="rId5"/>
      <headerFooter alignWithMargins="0"/>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6"/>
      <headerFooter alignWithMargins="0">
        <oddFooter>&amp;A</oddFooter>
      </headerFooter>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7"/>
      <headerFooter alignWithMargins="0">
        <oddFooter>&amp;A</oddFooter>
      </headerFooter>
    </customSheetView>
    <customSheetView guid="{82EDB5A4-4824-4632-A540-7A52C92F04C7}" scale="95" showPageBreaks="1" showGridLines="0" printArea="1" topLeftCell="B44">
      <selection activeCell="H59" sqref="H59"/>
      <pageMargins left="0.19685039370078741" right="0.19685039370078741" top="0.59055118110236227" bottom="0.19685039370078741" header="0" footer="0"/>
      <printOptions horizontalCentered="1"/>
      <pageSetup paperSize="9" scale="65" orientation="landscape" r:id="rId8"/>
      <headerFooter alignWithMargins="0"/>
    </customSheetView>
  </customSheetViews>
  <mergeCells count="113">
    <mergeCell ref="F38:H38"/>
    <mergeCell ref="F39:H39"/>
    <mergeCell ref="F40:H40"/>
    <mergeCell ref="F41:H41"/>
    <mergeCell ref="F42:H42"/>
    <mergeCell ref="F33:H33"/>
    <mergeCell ref="F34:H34"/>
    <mergeCell ref="F35:H35"/>
    <mergeCell ref="F36:H36"/>
    <mergeCell ref="F37:H37"/>
    <mergeCell ref="F28:H28"/>
    <mergeCell ref="F29:H29"/>
    <mergeCell ref="F30:H30"/>
    <mergeCell ref="F31:H31"/>
    <mergeCell ref="F32:H32"/>
    <mergeCell ref="F23:H23"/>
    <mergeCell ref="F24:H24"/>
    <mergeCell ref="F25:H25"/>
    <mergeCell ref="F26:H26"/>
    <mergeCell ref="F27:H27"/>
    <mergeCell ref="F18:H18"/>
    <mergeCell ref="F19:H19"/>
    <mergeCell ref="F20:H20"/>
    <mergeCell ref="F21:H21"/>
    <mergeCell ref="F22:H22"/>
    <mergeCell ref="F13:H13"/>
    <mergeCell ref="F14:H14"/>
    <mergeCell ref="F15:H15"/>
    <mergeCell ref="F16:H16"/>
    <mergeCell ref="F17:H17"/>
    <mergeCell ref="D38:E38"/>
    <mergeCell ref="D39:E39"/>
    <mergeCell ref="D40:E40"/>
    <mergeCell ref="D41:E41"/>
    <mergeCell ref="D42:E42"/>
    <mergeCell ref="D33:E33"/>
    <mergeCell ref="D34:E34"/>
    <mergeCell ref="D35:E35"/>
    <mergeCell ref="D36:E36"/>
    <mergeCell ref="D37:E37"/>
    <mergeCell ref="D13:E13"/>
    <mergeCell ref="D14:E14"/>
    <mergeCell ref="D15:E15"/>
    <mergeCell ref="D16:E16"/>
    <mergeCell ref="D17:E17"/>
    <mergeCell ref="D28:E28"/>
    <mergeCell ref="D29:E29"/>
    <mergeCell ref="D30:E30"/>
    <mergeCell ref="D31:E31"/>
    <mergeCell ref="D23:E23"/>
    <mergeCell ref="D24:E24"/>
    <mergeCell ref="D25:E25"/>
    <mergeCell ref="D26:E26"/>
    <mergeCell ref="D27:E27"/>
    <mergeCell ref="B33:C33"/>
    <mergeCell ref="B34:C34"/>
    <mergeCell ref="B35:C35"/>
    <mergeCell ref="B36:C36"/>
    <mergeCell ref="B37:C37"/>
    <mergeCell ref="D18:E18"/>
    <mergeCell ref="D19:E19"/>
    <mergeCell ref="D20:E20"/>
    <mergeCell ref="D21:E21"/>
    <mergeCell ref="D22:E22"/>
    <mergeCell ref="D32:E32"/>
    <mergeCell ref="A4:H4"/>
    <mergeCell ref="A3:H3"/>
    <mergeCell ref="E44:F44"/>
    <mergeCell ref="D11:E11"/>
    <mergeCell ref="D12:E12"/>
    <mergeCell ref="F11:H11"/>
    <mergeCell ref="F12:H12"/>
    <mergeCell ref="B10:C12"/>
    <mergeCell ref="D10:H10"/>
    <mergeCell ref="A44:A46"/>
    <mergeCell ref="B45:B46"/>
    <mergeCell ref="B13:C13"/>
    <mergeCell ref="B14:C14"/>
    <mergeCell ref="B15:C15"/>
    <mergeCell ref="B16:C16"/>
    <mergeCell ref="B17:C17"/>
    <mergeCell ref="A10:A12"/>
    <mergeCell ref="A7:H7"/>
    <mergeCell ref="A5:H5"/>
    <mergeCell ref="B38:C38"/>
    <mergeCell ref="B39:C39"/>
    <mergeCell ref="B40:C40"/>
    <mergeCell ref="B41:C41"/>
    <mergeCell ref="B42:C42"/>
    <mergeCell ref="E72:H72"/>
    <mergeCell ref="A70:D71"/>
    <mergeCell ref="E70:H71"/>
    <mergeCell ref="G44:H44"/>
    <mergeCell ref="C44:D44"/>
    <mergeCell ref="A72:D72"/>
    <mergeCell ref="A6:H6"/>
    <mergeCell ref="G45:G46"/>
    <mergeCell ref="H45:H46"/>
    <mergeCell ref="B18:C18"/>
    <mergeCell ref="B19:C19"/>
    <mergeCell ref="B20:C20"/>
    <mergeCell ref="B21:C21"/>
    <mergeCell ref="B22:C22"/>
    <mergeCell ref="B23:C23"/>
    <mergeCell ref="B24:C24"/>
    <mergeCell ref="B25:C25"/>
    <mergeCell ref="B26:C26"/>
    <mergeCell ref="B27:C27"/>
    <mergeCell ref="B28:C28"/>
    <mergeCell ref="B29:C29"/>
    <mergeCell ref="B30:C30"/>
    <mergeCell ref="B31:C31"/>
    <mergeCell ref="B32:C32"/>
  </mergeCells>
  <printOptions horizontalCentered="1"/>
  <pageMargins left="0.19685039370078741" right="0.19685039370078741" top="0.59055118110236227" bottom="0.19685039370078741" header="0" footer="0"/>
  <pageSetup paperSize="9" scale="53" orientation="portrait" r:id="rId9"/>
  <headerFooter alignWithMargins="0"/>
  <drawing r:id="rId1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4</vt:i4>
      </vt:variant>
    </vt:vector>
  </HeadingPairs>
  <TitlesOfParts>
    <vt:vector size="28"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1 Balanço Orç Intra '!Area_de_impressao</vt:lpstr>
      <vt:lpstr>'Anexo 12 - Saúde (Estados)'!Area_de_impressao</vt:lpstr>
      <vt:lpstr>'Anexo 13 - Despesas PPP'!Area_de_impressao</vt:lpstr>
      <vt:lpstr>'Anexo 14 - Simplificado'!Area_de_impressao</vt:lpstr>
      <vt:lpstr>'Anexo 2 - Função'!Area_de_impressao</vt:lpstr>
      <vt:lpstr>'Anexo 2.1 - Função - Intra'!Area_de_impressao</vt:lpstr>
      <vt:lpstr>'Anexo 3 - RCL Estados'!Area_de_impressao</vt:lpstr>
      <vt:lpstr>'Anexo 4 - RPPS Financeiro FR 40'!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05-25T14:02:41Z</cp:lastPrinted>
  <dcterms:created xsi:type="dcterms:W3CDTF">2004-08-09T19:29:24Z</dcterms:created>
  <dcterms:modified xsi:type="dcterms:W3CDTF">2016-05-25T17:44:32Z</dcterms:modified>
</cp:coreProperties>
</file>